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xl/externalLinks/externalLink1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30.xml" ContentType="application/vnd.openxmlformats-officedocument.spreadsheetml.externalLink+xml"/>
  <Override PartName="/xl/externalLinks/externalLink131.xml" ContentType="application/vnd.openxmlformats-officedocument.spreadsheetml.externalLink+xml"/>
  <Override PartName="/xl/externalLinks/externalLink132.xml" ContentType="application/vnd.openxmlformats-officedocument.spreadsheetml.externalLink+xml"/>
  <Override PartName="/xl/externalLinks/externalLink133.xml" ContentType="application/vnd.openxmlformats-officedocument.spreadsheetml.externalLink+xml"/>
  <Override PartName="/xl/externalLinks/externalLink134.xml" ContentType="application/vnd.openxmlformats-officedocument.spreadsheetml.externalLink+xml"/>
  <Override PartName="/xl/externalLinks/externalLink135.xml" ContentType="application/vnd.openxmlformats-officedocument.spreadsheetml.externalLink+xml"/>
  <Override PartName="/xl/externalLinks/externalLink136.xml" ContentType="application/vnd.openxmlformats-officedocument.spreadsheetml.externalLink+xml"/>
  <Override PartName="/xl/externalLinks/externalLink137.xml" ContentType="application/vnd.openxmlformats-officedocument.spreadsheetml.externalLink+xml"/>
  <Override PartName="/xl/externalLinks/externalLink138.xml" ContentType="application/vnd.openxmlformats-officedocument.spreadsheetml.externalLink+xml"/>
  <Override PartName="/xl/externalLinks/externalLink139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40.xml" ContentType="application/vnd.openxmlformats-officedocument.spreadsheetml.externalLink+xml"/>
  <Override PartName="/xl/externalLinks/externalLink141.xml" ContentType="application/vnd.openxmlformats-officedocument.spreadsheetml.externalLink+xml"/>
  <Override PartName="/xl/externalLinks/externalLink142.xml" ContentType="application/vnd.openxmlformats-officedocument.spreadsheetml.externalLink+xml"/>
  <Override PartName="/xl/externalLinks/externalLink143.xml" ContentType="application/vnd.openxmlformats-officedocument.spreadsheetml.externalLink+xml"/>
  <Override PartName="/xl/externalLinks/externalLink144.xml" ContentType="application/vnd.openxmlformats-officedocument.spreadsheetml.externalLink+xml"/>
  <Override PartName="/xl/externalLinks/externalLink145.xml" ContentType="application/vnd.openxmlformats-officedocument.spreadsheetml.externalLink+xml"/>
  <Override PartName="/xl/externalLinks/externalLink146.xml" ContentType="application/vnd.openxmlformats-officedocument.spreadsheetml.externalLink+xml"/>
  <Override PartName="/xl/externalLinks/externalLink147.xml" ContentType="application/vnd.openxmlformats-officedocument.spreadsheetml.externalLink+xml"/>
  <Override PartName="/xl/externalLinks/externalLink148.xml" ContentType="application/vnd.openxmlformats-officedocument.spreadsheetml.externalLink+xml"/>
  <Override PartName="/xl/externalLinks/externalLink149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50.xml" ContentType="application/vnd.openxmlformats-officedocument.spreadsheetml.externalLink+xml"/>
  <Override PartName="/xl/externalLinks/externalLink151.xml" ContentType="application/vnd.openxmlformats-officedocument.spreadsheetml.externalLink+xml"/>
  <Override PartName="/xl/externalLinks/externalLink152.xml" ContentType="application/vnd.openxmlformats-officedocument.spreadsheetml.externalLink+xml"/>
  <Override PartName="/xl/externalLinks/externalLink153.xml" ContentType="application/vnd.openxmlformats-officedocument.spreadsheetml.externalLink+xml"/>
  <Override PartName="/xl/externalLinks/externalLink154.xml" ContentType="application/vnd.openxmlformats-officedocument.spreadsheetml.externalLink+xml"/>
  <Override PartName="/xl/externalLinks/externalLink155.xml" ContentType="application/vnd.openxmlformats-officedocument.spreadsheetml.externalLink+xml"/>
  <Override PartName="/xl/externalLinks/externalLink156.xml" ContentType="application/vnd.openxmlformats-officedocument.spreadsheetml.externalLink+xml"/>
  <Override PartName="/xl/externalLinks/externalLink157.xml" ContentType="application/vnd.openxmlformats-officedocument.spreadsheetml.externalLink+xml"/>
  <Override PartName="/xl/externalLinks/externalLink158.xml" ContentType="application/vnd.openxmlformats-officedocument.spreadsheetml.externalLink+xml"/>
  <Override PartName="/xl/externalLinks/externalLink159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60.xml" ContentType="application/vnd.openxmlformats-officedocument.spreadsheetml.externalLink+xml"/>
  <Override PartName="/xl/externalLinks/externalLink161.xml" ContentType="application/vnd.openxmlformats-officedocument.spreadsheetml.externalLink+xml"/>
  <Override PartName="/xl/externalLinks/externalLink162.xml" ContentType="application/vnd.openxmlformats-officedocument.spreadsheetml.externalLink+xml"/>
  <Override PartName="/xl/externalLinks/externalLink163.xml" ContentType="application/vnd.openxmlformats-officedocument.spreadsheetml.externalLink+xml"/>
  <Override PartName="/xl/externalLinks/externalLink164.xml" ContentType="application/vnd.openxmlformats-officedocument.spreadsheetml.externalLink+xml"/>
  <Override PartName="/xl/externalLinks/externalLink165.xml" ContentType="application/vnd.openxmlformats-officedocument.spreadsheetml.externalLink+xml"/>
  <Override PartName="/xl/externalLinks/externalLink166.xml" ContentType="application/vnd.openxmlformats-officedocument.spreadsheetml.externalLink+xml"/>
  <Override PartName="/xl/externalLinks/externalLink167.xml" ContentType="application/vnd.openxmlformats-officedocument.spreadsheetml.externalLink+xml"/>
  <Override PartName="/xl/externalLinks/externalLink168.xml" ContentType="application/vnd.openxmlformats-officedocument.spreadsheetml.externalLink+xml"/>
  <Override PartName="/xl/externalLinks/externalLink169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70.xml" ContentType="application/vnd.openxmlformats-officedocument.spreadsheetml.externalLink+xml"/>
  <Override PartName="/xl/externalLinks/externalLink171.xml" ContentType="application/vnd.openxmlformats-officedocument.spreadsheetml.externalLink+xml"/>
  <Override PartName="/xl/externalLinks/externalLink172.xml" ContentType="application/vnd.openxmlformats-officedocument.spreadsheetml.externalLink+xml"/>
  <Override PartName="/xl/externalLinks/externalLink173.xml" ContentType="application/vnd.openxmlformats-officedocument.spreadsheetml.externalLink+xml"/>
  <Override PartName="/xl/externalLinks/externalLink174.xml" ContentType="application/vnd.openxmlformats-officedocument.spreadsheetml.externalLink+xml"/>
  <Override PartName="/xl/externalLinks/externalLink175.xml" ContentType="application/vnd.openxmlformats-officedocument.spreadsheetml.externalLink+xml"/>
  <Override PartName="/xl/externalLinks/externalLink176.xml" ContentType="application/vnd.openxmlformats-officedocument.spreadsheetml.externalLink+xml"/>
  <Override PartName="/xl/externalLinks/externalLink177.xml" ContentType="application/vnd.openxmlformats-officedocument.spreadsheetml.externalLink+xml"/>
  <Override PartName="/xl/externalLinks/externalLink178.xml" ContentType="application/vnd.openxmlformats-officedocument.spreadsheetml.externalLink+xml"/>
  <Override PartName="/xl/externalLinks/externalLink179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80.xml" ContentType="application/vnd.openxmlformats-officedocument.spreadsheetml.externalLink+xml"/>
  <Override PartName="/xl/externalLinks/externalLink181.xml" ContentType="application/vnd.openxmlformats-officedocument.spreadsheetml.externalLink+xml"/>
  <Override PartName="/xl/externalLinks/externalLink182.xml" ContentType="application/vnd.openxmlformats-officedocument.spreadsheetml.externalLink+xml"/>
  <Override PartName="/xl/externalLinks/externalLink183.xml" ContentType="application/vnd.openxmlformats-officedocument.spreadsheetml.externalLink+xml"/>
  <Override PartName="/xl/externalLinks/externalLink184.xml" ContentType="application/vnd.openxmlformats-officedocument.spreadsheetml.externalLink+xml"/>
  <Override PartName="/xl/externalLinks/externalLink185.xml" ContentType="application/vnd.openxmlformats-officedocument.spreadsheetml.externalLink+xml"/>
  <Override PartName="/xl/externalLinks/externalLink186.xml" ContentType="application/vnd.openxmlformats-officedocument.spreadsheetml.externalLink+xml"/>
  <Override PartName="/xl/externalLinks/externalLink187.xml" ContentType="application/vnd.openxmlformats-officedocument.spreadsheetml.externalLink+xml"/>
  <Override PartName="/xl/externalLinks/externalLink188.xml" ContentType="application/vnd.openxmlformats-officedocument.spreadsheetml.externalLink+xml"/>
  <Override PartName="/xl/externalLinks/externalLink189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190.xml" ContentType="application/vnd.openxmlformats-officedocument.spreadsheetml.externalLink+xml"/>
  <Override PartName="/xl/externalLinks/externalLink191.xml" ContentType="application/vnd.openxmlformats-officedocument.spreadsheetml.externalLink+xml"/>
  <Override PartName="/xl/externalLinks/externalLink192.xml" ContentType="application/vnd.openxmlformats-officedocument.spreadsheetml.externalLink+xml"/>
  <Override PartName="/xl/externalLinks/externalLink193.xml" ContentType="application/vnd.openxmlformats-officedocument.spreadsheetml.externalLink+xml"/>
  <Override PartName="/xl/externalLinks/externalLink194.xml" ContentType="application/vnd.openxmlformats-officedocument.spreadsheetml.externalLink+xml"/>
  <Override PartName="/xl/externalLinks/externalLink195.xml" ContentType="application/vnd.openxmlformats-officedocument.spreadsheetml.externalLink+xml"/>
  <Override PartName="/xl/externalLinks/externalLink196.xml" ContentType="application/vnd.openxmlformats-officedocument.spreadsheetml.externalLink+xml"/>
  <Override PartName="/xl/externalLinks/externalLink197.xml" ContentType="application/vnd.openxmlformats-officedocument.spreadsheetml.externalLink+xml"/>
  <Override PartName="/xl/externalLinks/externalLink198.xml" ContentType="application/vnd.openxmlformats-officedocument.spreadsheetml.externalLink+xml"/>
  <Override PartName="/xl/externalLinks/externalLink199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00.xml" ContentType="application/vnd.openxmlformats-officedocument.spreadsheetml.externalLink+xml"/>
  <Override PartName="/xl/externalLinks/externalLink201.xml" ContentType="application/vnd.openxmlformats-officedocument.spreadsheetml.externalLink+xml"/>
  <Override PartName="/xl/externalLinks/externalLink202.xml" ContentType="application/vnd.openxmlformats-officedocument.spreadsheetml.externalLink+xml"/>
  <Override PartName="/xl/externalLinks/externalLink203.xml" ContentType="application/vnd.openxmlformats-officedocument.spreadsheetml.externalLink+xml"/>
  <Override PartName="/xl/externalLinks/externalLink204.xml" ContentType="application/vnd.openxmlformats-officedocument.spreadsheetml.externalLink+xml"/>
  <Override PartName="/xl/externalLinks/externalLink205.xml" ContentType="application/vnd.openxmlformats-officedocument.spreadsheetml.externalLink+xml"/>
  <Override PartName="/xl/externalLinks/externalLink206.xml" ContentType="application/vnd.openxmlformats-officedocument.spreadsheetml.externalLink+xml"/>
  <Override PartName="/xl/externalLinks/externalLink207.xml" ContentType="application/vnd.openxmlformats-officedocument.spreadsheetml.externalLink+xml"/>
  <Override PartName="/xl/externalLinks/externalLink208.xml" ContentType="application/vnd.openxmlformats-officedocument.spreadsheetml.externalLink+xml"/>
  <Override PartName="/xl/externalLinks/externalLink209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10.xml" ContentType="application/vnd.openxmlformats-officedocument.spreadsheetml.externalLink+xml"/>
  <Override PartName="/xl/externalLinks/externalLink211.xml" ContentType="application/vnd.openxmlformats-officedocument.spreadsheetml.externalLink+xml"/>
  <Override PartName="/xl/externalLinks/externalLink212.xml" ContentType="application/vnd.openxmlformats-officedocument.spreadsheetml.externalLink+xml"/>
  <Override PartName="/xl/externalLinks/externalLink213.xml" ContentType="application/vnd.openxmlformats-officedocument.spreadsheetml.externalLink+xml"/>
  <Override PartName="/xl/externalLinks/externalLink214.xml" ContentType="application/vnd.openxmlformats-officedocument.spreadsheetml.externalLink+xml"/>
  <Override PartName="/xl/externalLinks/externalLink215.xml" ContentType="application/vnd.openxmlformats-officedocument.spreadsheetml.externalLink+xml"/>
  <Override PartName="/xl/externalLinks/externalLink216.xml" ContentType="application/vnd.openxmlformats-officedocument.spreadsheetml.externalLink+xml"/>
  <Override PartName="/xl/externalLinks/externalLink217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theme/theme1.xml" ContentType="application/vnd.openxmlformats-officedocument.theme+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xl/workbook.xml"/><Relationship Id="rId3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3" lowestEdited="5" rupBuild="9302"/>
  <workbookPr/>
  <bookViews>
    <workbookView windowWidth="28800" windowHeight="12540" activeTab="2"/>
  </bookViews>
  <sheets>
    <sheet name="汇总表- 旭景党群服务中心党建氛围布展" sheetId="4" r:id="rId1"/>
    <sheet name="党员活动中心氛围" sheetId="2" r:id="rId2"/>
    <sheet name="党群服务中心 （旭景西街194号，271㎡）-氛围" sheetId="1" r:id="rId3"/>
  </sheets>
  <externalReferences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  <externalReference r:id="rId135"/>
    <externalReference r:id="rId136"/>
    <externalReference r:id="rId137"/>
    <externalReference r:id="rId138"/>
    <externalReference r:id="rId139"/>
    <externalReference r:id="rId140"/>
    <externalReference r:id="rId141"/>
    <externalReference r:id="rId142"/>
    <externalReference r:id="rId143"/>
    <externalReference r:id="rId144"/>
    <externalReference r:id="rId145"/>
    <externalReference r:id="rId146"/>
    <externalReference r:id="rId147"/>
    <externalReference r:id="rId148"/>
    <externalReference r:id="rId149"/>
    <externalReference r:id="rId150"/>
    <externalReference r:id="rId151"/>
    <externalReference r:id="rId152"/>
    <externalReference r:id="rId153"/>
    <externalReference r:id="rId154"/>
    <externalReference r:id="rId155"/>
    <externalReference r:id="rId156"/>
    <externalReference r:id="rId157"/>
    <externalReference r:id="rId158"/>
    <externalReference r:id="rId159"/>
    <externalReference r:id="rId160"/>
    <externalReference r:id="rId161"/>
    <externalReference r:id="rId162"/>
    <externalReference r:id="rId163"/>
    <externalReference r:id="rId164"/>
    <externalReference r:id="rId165"/>
    <externalReference r:id="rId166"/>
    <externalReference r:id="rId167"/>
    <externalReference r:id="rId168"/>
    <externalReference r:id="rId169"/>
    <externalReference r:id="rId170"/>
    <externalReference r:id="rId171"/>
    <externalReference r:id="rId172"/>
    <externalReference r:id="rId173"/>
    <externalReference r:id="rId174"/>
    <externalReference r:id="rId175"/>
    <externalReference r:id="rId176"/>
    <externalReference r:id="rId177"/>
    <externalReference r:id="rId178"/>
    <externalReference r:id="rId179"/>
    <externalReference r:id="rId180"/>
    <externalReference r:id="rId181"/>
    <externalReference r:id="rId182"/>
    <externalReference r:id="rId183"/>
    <externalReference r:id="rId184"/>
    <externalReference r:id="rId185"/>
    <externalReference r:id="rId186"/>
    <externalReference r:id="rId187"/>
    <externalReference r:id="rId188"/>
    <externalReference r:id="rId189"/>
    <externalReference r:id="rId190"/>
    <externalReference r:id="rId191"/>
    <externalReference r:id="rId192"/>
    <externalReference r:id="rId193"/>
    <externalReference r:id="rId194"/>
    <externalReference r:id="rId195"/>
    <externalReference r:id="rId196"/>
    <externalReference r:id="rId197"/>
    <externalReference r:id="rId198"/>
    <externalReference r:id="rId199"/>
    <externalReference r:id="rId200"/>
    <externalReference r:id="rId201"/>
    <externalReference r:id="rId202"/>
    <externalReference r:id="rId203"/>
    <externalReference r:id="rId204"/>
    <externalReference r:id="rId205"/>
    <externalReference r:id="rId206"/>
    <externalReference r:id="rId207"/>
    <externalReference r:id="rId208"/>
    <externalReference r:id="rId209"/>
    <externalReference r:id="rId210"/>
    <externalReference r:id="rId211"/>
    <externalReference r:id="rId212"/>
    <externalReference r:id="rId213"/>
    <externalReference r:id="rId214"/>
    <externalReference r:id="rId215"/>
    <externalReference r:id="rId216"/>
    <externalReference r:id="rId217"/>
    <externalReference r:id="rId218"/>
    <externalReference r:id="rId219"/>
    <externalReference r:id="rId220"/>
  </externalReferences>
  <definedNames>
    <definedName name="_xlnm._FilterDatabase" localSheetId="1" hidden="1">党员活动中心氛围!$A$5:$HE$35</definedName>
    <definedName name="_xlnm._FilterDatabase" localSheetId="2" hidden="1">'党群服务中心 （旭景西街194号，271㎡）-氛围'!$A$5:$HE$140</definedName>
    <definedName name="\">'[1]21'!$B$1:$B$802</definedName>
    <definedName name="\0">[2]공통가설!#REF!</definedName>
    <definedName name="\a">[2]공통가설!#REF!</definedName>
    <definedName name="\b">#N/A</definedName>
    <definedName name="\c">#N/A</definedName>
    <definedName name="\d">[3]골조시행!#REF!</definedName>
    <definedName name="\f">#N/A</definedName>
    <definedName name="\h">#N/A</definedName>
    <definedName name="\i">#N/A</definedName>
    <definedName name="\j">#N/A</definedName>
    <definedName name="\k">#N/A</definedName>
    <definedName name="\l">#N/A</definedName>
    <definedName name="\LARGE">[4]견적!#REF!</definedName>
    <definedName name="\m">#N/A</definedName>
    <definedName name="\MIDDLE">[4]견적!#REF!</definedName>
    <definedName name="\n">#N/A</definedName>
    <definedName name="\p">#N/A</definedName>
    <definedName name="\q">#N/A</definedName>
    <definedName name="\SMALL">[4]견적!#REF!</definedName>
    <definedName name="\v">[4]견적!#REF!</definedName>
    <definedName name="\w">[4]견적!#REF!</definedName>
    <definedName name="\x">#N/A</definedName>
    <definedName name="\y">[4]견적!#REF!</definedName>
    <definedName name="\z">#N/A</definedName>
    <definedName name="_">'[5]FUEL FILLER'!#REF!</definedName>
    <definedName name="_\Z">[6]결과조달!$GU$5658:$IV$7860</definedName>
    <definedName name="__________gbl101208">'[7]#REF!'!$C$6</definedName>
    <definedName name="_______ngk1109" hidden="1">{#N/A,#N/A,FALSE,"估價單  (3)"}</definedName>
    <definedName name="______CQU1">[8]資料庫!$B$5:$D$846</definedName>
    <definedName name="______ngk1109" hidden="1">{#N/A,#N/A,FALSE,"估價單  (3)"}</definedName>
    <definedName name="_____CQU1">[8]資料庫!$B$5:$D$846</definedName>
    <definedName name="_____ngk1109" hidden="1">{#N/A,#N/A,FALSE,"估價單  (3)"}</definedName>
    <definedName name="____CQU1">[8]資料庫!$B$5:$D$846</definedName>
    <definedName name="____E981236">[9]工程量!$E$981</definedName>
    <definedName name="____ngk1109" hidden="1">{#N/A,#N/A,FALSE,"估價單  (3)"}</definedName>
    <definedName name="____PA7">'[10]SW-TEO'!#REF!</definedName>
    <definedName name="____PA8">'[10]SW-TEO'!#REF!</definedName>
    <definedName name="____PD1">'[10]SW-TEO'!#REF!</definedName>
    <definedName name="____PE12">'[10]SW-TEO'!#REF!</definedName>
    <definedName name="____PE13">'[10]SW-TEO'!#REF!</definedName>
    <definedName name="____PE6">'[10]SW-TEO'!#REF!</definedName>
    <definedName name="____PE7">'[10]SW-TEO'!#REF!</definedName>
    <definedName name="____PE8">'[10]SW-TEO'!#REF!</definedName>
    <definedName name="____PE9">'[10]SW-TEO'!#REF!</definedName>
    <definedName name="____PH1">'[10]SW-TEO'!#REF!</definedName>
    <definedName name="____PI1">'[10]SW-TEO'!#REF!</definedName>
    <definedName name="____PK1">'[10]SW-TEO'!#REF!</definedName>
    <definedName name="____PK3">'[10]SW-TEO'!#REF!</definedName>
    <definedName name="____xlfn.BAHTTEXT" hidden="1">#NAME?</definedName>
    <definedName name="___CQU1">[8]資料庫!$B$5:$D$846</definedName>
    <definedName name="___E981236">[11]工程量!$E$981</definedName>
    <definedName name="___gbl081208">'[7]#REF!'!$C$3</definedName>
    <definedName name="___gbl15">'[7]#REF!'!$C$9</definedName>
    <definedName name="___gbl6126">'[12]#REF!'!#REF!</definedName>
    <definedName name="___i8">'[2]방배동내역(리라)'!$A$6:$Q$955</definedName>
    <definedName name="___ngk1109" hidden="1">{#N/A,#N/A,FALSE,"估價單  (3)"}</definedName>
    <definedName name="___PA8">'[13]SW-TEO'!#REF!</definedName>
    <definedName name="___PD1">'[13]SW-TEO'!#REF!</definedName>
    <definedName name="___PE12">'[13]SW-TEO'!#REF!</definedName>
    <definedName name="___PE13">'[13]SW-TEO'!#REF!</definedName>
    <definedName name="___PE6">'[13]SW-TEO'!#REF!</definedName>
    <definedName name="___PE7">'[13]SW-TEO'!#REF!</definedName>
    <definedName name="___PE8">'[13]SW-TEO'!#REF!</definedName>
    <definedName name="___PE9">'[13]SW-TEO'!#REF!</definedName>
    <definedName name="___PH1">'[13]SW-TEO'!#REF!</definedName>
    <definedName name="___PI1">'[13]SW-TEO'!#REF!</definedName>
    <definedName name="___PK1">'[13]SW-TEO'!#REF!</definedName>
    <definedName name="___PK3">'[13]SW-TEO'!#REF!</definedName>
    <definedName name="___R69496">'[14]입출재고현황 (2)'!$R$62503</definedName>
    <definedName name="___R70000">'[14]입출재고현황 (2)'!$R$60007</definedName>
    <definedName name="___R80000">'[14]입출재고현황 (2)'!$R$20007</definedName>
    <definedName name="___R90000">'[14]입출재고현황 (2)'!$R$20007</definedName>
    <definedName name="___R99000">'[14]입출재고현황 (2)'!$R$11947</definedName>
    <definedName name="___sh2">[15]SG!$A$1:$G$961</definedName>
    <definedName name="___ST1">#N/A</definedName>
    <definedName name="___TP5125">[16]材料!$F$7</definedName>
    <definedName name="___TP6126">[17]雨棚!#REF!</definedName>
    <definedName name="___xlfn.BAHTTEXT" hidden="1">#NAME?</definedName>
    <definedName name="__123Graph_A" hidden="1">[18]금융비용!#REF!</definedName>
    <definedName name="__123Graph_ACURRENT" hidden="1">[19]FitOutConfCentre!#REF!</definedName>
    <definedName name="__123Graph_X" hidden="1">[18]금융비용!#REF!</definedName>
    <definedName name="__C65554">[20]工程量!$C$60134</definedName>
    <definedName name="__C65555">[20]工程量!$C$60134</definedName>
    <definedName name="__C66666">[20]工程量!$C$55684</definedName>
    <definedName name="__CQU1">[8]資料庫!$B$5:$D$846</definedName>
    <definedName name="__E981236">[9]工程量!$E$981</definedName>
    <definedName name="__gbl081208">'[12]#REF!'!#REF!</definedName>
    <definedName name="__gbl101208">'[12]#REF!'!#REF!</definedName>
    <definedName name="__gbl15">'[12]#REF!'!#REF!</definedName>
    <definedName name="__gbl6126">'[7]#REF!'!#REF!</definedName>
    <definedName name="__i8">'[2]방배동내역(리라)'!$A$6:$Q$955</definedName>
    <definedName name="__IntlFixup" hidden="1">TRUE</definedName>
    <definedName name="__J555555">[20]工程量!$J$55609</definedName>
    <definedName name="__ngk1109" hidden="1">{#N/A,#N/A,FALSE,"估價單  (3)"}</definedName>
    <definedName name="__PA8">'[10]SW-TEO'!#REF!</definedName>
    <definedName name="__PD1">'[10]SW-TEO'!#REF!</definedName>
    <definedName name="__PE12">'[10]SW-TEO'!#REF!</definedName>
    <definedName name="__PE13">'[10]SW-TEO'!#REF!</definedName>
    <definedName name="__PE6">'[10]SW-TEO'!#REF!</definedName>
    <definedName name="__PE7">'[10]SW-TEO'!#REF!</definedName>
    <definedName name="__PE8">'[10]SW-TEO'!#REF!</definedName>
    <definedName name="__PE9">'[10]SW-TEO'!#REF!</definedName>
    <definedName name="__PH1">'[10]SW-TEO'!#REF!</definedName>
    <definedName name="__PI1">'[10]SW-TEO'!#REF!</definedName>
    <definedName name="__PK1">'[10]SW-TEO'!#REF!</definedName>
    <definedName name="__PK3">'[10]SW-TEO'!#REF!</definedName>
    <definedName name="__R69496">'[21]입출재고현황 (2)'!$R$62503</definedName>
    <definedName name="__R70000">'[21]입출재고현황 (2)'!$R$60007</definedName>
    <definedName name="__R80000">'[21]입출재고현황 (2)'!$R$20007</definedName>
    <definedName name="__R90000">'[21]입출재고현황 (2)'!$R$20007</definedName>
    <definedName name="__R99000">'[21]입출재고현황 (2)'!$R$11947</definedName>
    <definedName name="__sh2">[22]SG!$A$1:$G$961</definedName>
    <definedName name="__ST1">#N/A</definedName>
    <definedName name="__TP5125">[23]材料!$F$7</definedName>
    <definedName name="__TP6126">[24]雨棚!#REF!</definedName>
    <definedName name="__xlfn.BAHTTEXT" hidden="1">#NAME?</definedName>
    <definedName name="__xlfn.SUMIFS" hidden="1">#NAME?</definedName>
    <definedName name="__ys1">'[25]#REF!'!$A$7:$D$18</definedName>
    <definedName name="__ys2">'[26]#REF!'!$A$7:$D$18</definedName>
    <definedName name="__ys3">'[27]#REF!'!$A$7:$D$18</definedName>
    <definedName name="_1">#N/A</definedName>
    <definedName name="_1_">[29]예가표!#REF!</definedName>
    <definedName name="_1_123Grap" hidden="1">[30]금융비용!#REF!</definedName>
    <definedName name="_1_3">'[31]#REF!'!$H$9</definedName>
    <definedName name="_1_钢梯平台托架">'[32]#REF!'!$D$1542</definedName>
    <definedName name="_10">#N/A</definedName>
    <definedName name="_10_0\MID">[4]내역서!#REF!</definedName>
    <definedName name="_10_4.6_2.2">'[31]#REF!'!#REF!</definedName>
    <definedName name="_11">#N/A</definedName>
    <definedName name="_11_0\SM">[4]내역서!#REF!</definedName>
    <definedName name="_12">#N/A</definedName>
    <definedName name="_12_0_0입">[33]BND!#REF!</definedName>
    <definedName name="_13">#N/A</definedName>
    <definedName name="_13_0_0차">'[5]FUEL FILLER'!#REF!</definedName>
    <definedName name="_14">#N/A</definedName>
    <definedName name="_14_0ME">[4]내역서!#REF!</definedName>
    <definedName name="_15">#N/A</definedName>
    <definedName name="_15_0ME">[4]내역서!#REF!</definedName>
    <definedName name="_15A">[34]금액내역서!$D$3:$D$10</definedName>
    <definedName name="_16">#N/A</definedName>
    <definedName name="_17">#N/A</definedName>
    <definedName name="_18">#N/A</definedName>
    <definedName name="_19">#N/A</definedName>
    <definedName name="_1D1_">'[35]#REF!'!#REF!</definedName>
    <definedName name="_2">#N/A</definedName>
    <definedName name="_2.45_52.8_40">VALUE([36]工程量计算!$D$3)</definedName>
    <definedName name="_2_">[4]내역서!#REF!</definedName>
    <definedName name="_20">#N/A</definedName>
    <definedName name="_21">#N/A</definedName>
    <definedName name="_22">#N/A</definedName>
    <definedName name="_23">#N/A</definedName>
    <definedName name="_24">#N/A</definedName>
    <definedName name="_25">#N/A</definedName>
    <definedName name="_25_1">[28]D0026B3!#REF!</definedName>
    <definedName name="_25i8_">'[2]방배동내역(리라)'!$A$6:$Q$955</definedName>
    <definedName name="_26">#N/A</definedName>
    <definedName name="_26ME">[4]내역서!#REF!</definedName>
    <definedName name="_27">#N/A</definedName>
    <definedName name="_27ME">[4]내역서!#REF!</definedName>
    <definedName name="_28">#N/A</definedName>
    <definedName name="_29">#N/A</definedName>
    <definedName name="_3">#N/A</definedName>
    <definedName name="_3.6_3_2">'[31]#REF!'!$F$4</definedName>
    <definedName name="_3_123Grap" hidden="1">[30]금융비용!#REF!</definedName>
    <definedName name="_30">#N/A</definedName>
    <definedName name="_30입">[33]BND!#REF!</definedName>
    <definedName name="_31">#N/A</definedName>
    <definedName name="_31차">'[5]FUEL FILLER'!#REF!</definedName>
    <definedName name="_32">#N/A</definedName>
    <definedName name="_33">#N/A</definedName>
    <definedName name="_34">#N/A</definedName>
    <definedName name="_35">#N/A</definedName>
    <definedName name="_36">#N/A</definedName>
    <definedName name="_37">#N/A</definedName>
    <definedName name="_38">#N/A</definedName>
    <definedName name="_39">#N/A</definedName>
    <definedName name="_4">#N/A</definedName>
    <definedName name="_4_0__123Grap" hidden="1">[30]금융비용!#REF!</definedName>
    <definedName name="_40">#N/A</definedName>
    <definedName name="_41">#N/A</definedName>
    <definedName name="_42">#N/A</definedName>
    <definedName name="_43">#N/A</definedName>
    <definedName name="_44">#N/A</definedName>
    <definedName name="_45">#N/A</definedName>
    <definedName name="_46">#N/A</definedName>
    <definedName name="_47">#N/A</definedName>
    <definedName name="_48">#N/A</definedName>
    <definedName name="_49">#N/A</definedName>
    <definedName name="_5">#N/A</definedName>
    <definedName name="_5\LA">[4]내역서!#REF!</definedName>
    <definedName name="_50">#N/A</definedName>
    <definedName name="_51">#N/A</definedName>
    <definedName name="_52">#N/A</definedName>
    <definedName name="_53">#N/A</definedName>
    <definedName name="_54">#N/A</definedName>
    <definedName name="_55">#N/A</definedName>
    <definedName name="_56">#N/A</definedName>
    <definedName name="_57">#N/A</definedName>
    <definedName name="_58">#N/A</definedName>
    <definedName name="_59">#N/A</definedName>
    <definedName name="_6">#N/A</definedName>
    <definedName name="_6\MID">[4]내역서!#REF!</definedName>
    <definedName name="_60">#N/A</definedName>
    <definedName name="_61">#N/A</definedName>
    <definedName name="_62">#N/A</definedName>
    <definedName name="_63">#N/A</definedName>
    <definedName name="_64">#N/A</definedName>
    <definedName name="_65">#N/A</definedName>
    <definedName name="_66">#N/A</definedName>
    <definedName name="_67">#N/A</definedName>
    <definedName name="_68">#N/A</definedName>
    <definedName name="_69">#N/A</definedName>
    <definedName name="_7">#N/A</definedName>
    <definedName name="_7\SM">[4]내역서!#REF!</definedName>
    <definedName name="_70">#N/A</definedName>
    <definedName name="_71">#N/A</definedName>
    <definedName name="_72">#N/A</definedName>
    <definedName name="_73">#N/A</definedName>
    <definedName name="_74">#N/A</definedName>
    <definedName name="_75">#N/A</definedName>
    <definedName name="_76">#N/A</definedName>
    <definedName name="_77">#N/A</definedName>
    <definedName name="_78">#N/A</definedName>
    <definedName name="_79">#N/A</definedName>
    <definedName name="_8">#N/A</definedName>
    <definedName name="_8_0">[29]예가표!#REF!</definedName>
    <definedName name="_80">#N/A</definedName>
    <definedName name="_81">#N/A</definedName>
    <definedName name="_82">#N/A</definedName>
    <definedName name="_83">#N/A</definedName>
    <definedName name="_84">#N/A</definedName>
    <definedName name="_85">#N/A</definedName>
    <definedName name="_86">#N/A</definedName>
    <definedName name="_87">#N/A</definedName>
    <definedName name="_88">#N/A</definedName>
    <definedName name="_89">#N/A</definedName>
    <definedName name="_9">#N/A</definedName>
    <definedName name="_9_0\LA">[4]내역서!#REF!</definedName>
    <definedName name="_90">#N/A</definedName>
    <definedName name="_91">#N/A</definedName>
    <definedName name="_92">#N/A</definedName>
    <definedName name="_93">#N/A</definedName>
    <definedName name="_93A">'[37]W-현원가'!#REF!</definedName>
    <definedName name="_93B">'[37]W-현원가'!#REF!</definedName>
    <definedName name="_94">#N/A</definedName>
    <definedName name="_95">#N/A</definedName>
    <definedName name="_96">#N/A</definedName>
    <definedName name="_97">#N/A</definedName>
    <definedName name="_98">#N/A</definedName>
    <definedName name="_99">#N/A</definedName>
    <definedName name="_B22">[38]일위대가!$A$1400:$IV$1413=[38]일위대가!$A$1400</definedName>
    <definedName name="_C65554">[20]工程量!$C$60134</definedName>
    <definedName name="_C65555">[20]工程量!$C$60134</definedName>
    <definedName name="_C66666">[20]工程量!$C$55684</definedName>
    <definedName name="_CQU1">[8]資料庫!$B$5:$D$846</definedName>
    <definedName name="_D1">'[39]#REF!'!$D$1542</definedName>
    <definedName name="_E981236">[40]工程量!$E$981</definedName>
    <definedName name="_Fill" hidden="1">[41]eqpmad2!#REF!</definedName>
    <definedName name="_gbl081208">'[12]#REF!'!#REF!</definedName>
    <definedName name="_gbl101208">'[12]#REF!'!#REF!</definedName>
    <definedName name="_gbl15">'[12]#REF!'!#REF!</definedName>
    <definedName name="_gbl6126">'[12]#REF!'!#REF!</definedName>
    <definedName name="_h1">'[42]3'!$B$6:$G$9</definedName>
    <definedName name="_h2">'[42]8'!$B$6:$G$9</definedName>
    <definedName name="_i8">'[2]방배동내역(리라)'!$A$6:$Q$955</definedName>
    <definedName name="_J555555">[20]工程量!$J$55609</definedName>
    <definedName name="_K02">[38]일위대가!$A$732:$IV$745=[38]일위대가!$A$732</definedName>
    <definedName name="_key10" hidden="1">[43]주식!#REF!</definedName>
    <definedName name="_ngk1109" hidden="1">{#N/A,#N/A,FALSE,"估價單  (3)"}</definedName>
    <definedName name="_O03">[38]일위대가!$A$1516:$IV$1529=[38]일위대가!$A$1516</definedName>
    <definedName name="_Order1" hidden="1">1</definedName>
    <definedName name="_Order2" hidden="1">1</definedName>
    <definedName name="_PA8">'[10]SW-TEO'!#REF!</definedName>
    <definedName name="_Parse_Out" hidden="1">[44]갑지!#REF!</definedName>
    <definedName name="_PD1">'[10]SW-TEO'!#REF!</definedName>
    <definedName name="_PE12">'[10]SW-TEO'!#REF!</definedName>
    <definedName name="_PE13">'[10]SW-TEO'!#REF!</definedName>
    <definedName name="_PE6">'[10]SW-TEO'!#REF!</definedName>
    <definedName name="_PE7">'[10]SW-TEO'!#REF!</definedName>
    <definedName name="_PE8">'[10]SW-TEO'!#REF!</definedName>
    <definedName name="_PE9">'[10]SW-TEO'!#REF!</definedName>
    <definedName name="_PH1">'[10]SW-TEO'!#REF!</definedName>
    <definedName name="_PI1">'[10]SW-TEO'!#REF!</definedName>
    <definedName name="_PK1">'[10]SW-TEO'!#REF!</definedName>
    <definedName name="_PK3">'[10]SW-TEO'!#REF!</definedName>
    <definedName name="_R69496">'[45]입출재고현황 (2)'!$R$62503</definedName>
    <definedName name="_R70000">'[45]입출재고현황 (2)'!$R$60007</definedName>
    <definedName name="_R80000">'[45]입출재고현황 (2)'!$R$20007</definedName>
    <definedName name="_R90000">'[45]입출재고현황 (2)'!$R$20007</definedName>
    <definedName name="_R99000">'[45]입출재고현황 (2)'!$R$11947</definedName>
    <definedName name="_Regression_Int" hidden="1">1</definedName>
    <definedName name="_sh2">[46]SG!$A$1:$G$961</definedName>
    <definedName name="_ST1">#N/A</definedName>
    <definedName name="_TP5125">[47]材料!$F$7</definedName>
    <definedName name="_TP6126">[48]雨棚!#REF!</definedName>
    <definedName name="_ys1">'[25]#REF!'!$A$7:$D$18</definedName>
    <definedName name="_ys2">'[26]#REF!'!$A$7:$D$18</definedName>
    <definedName name="_ys3">'[27]#REF!'!$A$7:$D$18</definedName>
    <definedName name="A6_">#N/A</definedName>
    <definedName name="aaa">'[2]방배동내역(리라)'!$A$2:$IV$5</definedName>
    <definedName name="AAAA" hidden="1">[49]입찰안!#REF!</definedName>
    <definedName name="aaaaa">'[2]방배동내역(리라)'!$A$6:$Q$955</definedName>
    <definedName name="AAAAAA">'[50]#REF!'!#REF!</definedName>
    <definedName name="AAAAAAAAA">[49]입찰안!#REF!</definedName>
    <definedName name="abc">[51]summary!#REF!</definedName>
    <definedName name="ABCD" hidden="1">{#N/A,#N/A,FALSE,"估價單  (3)"}</definedName>
    <definedName name="ABCDF" hidden="1">{#N/A,#N/A,FALSE,"估價單  (3)"}</definedName>
    <definedName name="AccessDatabase" hidden="1">"D:\我的私人文件\预算自动化 (2).mdb"</definedName>
    <definedName name="AccountBase">[52]貨品科目!$B$5:$E$857</definedName>
    <definedName name="ad">'[53]21'!$A$1:$A$802</definedName>
    <definedName name="ade">'[54]#REF!'!$B$1:$AJ$103</definedName>
    <definedName name="ADFV" hidden="1">{#N/A,#N/A,FALSE,"전력간선"}</definedName>
    <definedName name="ADJHK">[55]EXRATE!$D$19</definedName>
    <definedName name="ADJRMB">[55]EXRATE!$B$19</definedName>
    <definedName name="adm">'[7]#REF!'!#REF!</definedName>
    <definedName name="ady">'[7]#REF!'!#REF!</definedName>
    <definedName name="ae">'[53]21'!$B$1:$B$802</definedName>
    <definedName name="aguiyik">'[56]#REF!'!$D$1542</definedName>
    <definedName name="aiu_bottom">'[57]Financ. Overview'!#REF!</definedName>
    <definedName name="amc">'[7]#REF!'!#REF!</definedName>
    <definedName name="amq">'[7]#REF!'!#REF!</definedName>
    <definedName name="ANGLE단중">[58]단중표!$AF$8</definedName>
    <definedName name="asc">'[7]#REF!'!#REF!</definedName>
    <definedName name="asdf">[59]Bldg!$I$6</definedName>
    <definedName name="AT">[60]간선계산!#REF!</definedName>
    <definedName name="AW">[49]입찰안!#REF!</definedName>
    <definedName name="azf">'[61]#REF!'!$B$23</definedName>
    <definedName name="BBBBBBBBBBBBB">'[39]#REF!'!$D$1542</definedName>
    <definedName name="BDCODE">#N/A</definedName>
    <definedName name="bh.bl">[62]主材价格!$G$5</definedName>
    <definedName name="bh.gc">[62]主材价格!$G$82</definedName>
    <definedName name="bh.jgj">[62]主材价格!$G$130</definedName>
    <definedName name="bh.jt">[62]主材价格!$G$121</definedName>
    <definedName name="bh.lxc">[62]主材价格!$G$80</definedName>
    <definedName name="BJCB">'[61]#REF!'!$A$3</definedName>
    <definedName name="bl">[62]主材价格!$B$5</definedName>
    <definedName name="bl0812061526">'[7]#REF!'!$C$10</definedName>
    <definedName name="bl08d">'[7]#REF!'!$C$17</definedName>
    <definedName name="bl08d1">'[7]#REF!'!$C$18</definedName>
    <definedName name="bl10.12.8">[63]主材价格!#REF!</definedName>
    <definedName name="bl10.12.8lowem">[63]主材价格!#REF!</definedName>
    <definedName name="bl10.152.10gj">[63]主材价格!#REF!</definedName>
    <definedName name="bl12G">[64]主材价格!$C$15</definedName>
    <definedName name="bl15G">[63]主材价格!#REF!</definedName>
    <definedName name="bl19G">[63]主材价格!#REF!</definedName>
    <definedName name="bl6.12.6">[63]主材价格!#REF!</definedName>
    <definedName name="bl6.12.6lowej">[63]主材价格!#REF!</definedName>
    <definedName name="bl6.12.6lowem">[62]主材价格!$C$6</definedName>
    <definedName name="bl6.9.6">[63]主材价格!#REF!</definedName>
    <definedName name="bl6.9.6j076_6">[63]主材价格!#REF!</definedName>
    <definedName name="bl8.076.6">[62]主材价格!#REF!</definedName>
    <definedName name="bl8.114.8">[62]主材价格!$C$8</definedName>
    <definedName name="bl8.114.8jm">[63]主材价格!#REF!</definedName>
    <definedName name="bl8.12.6lowem">[62]主材价格!#REF!</definedName>
    <definedName name="bl8.12.8">[63]主材价格!#REF!</definedName>
    <definedName name="bl8.12.8lowem">[63]主材价格!#REF!</definedName>
    <definedName name="bl8.12.8lowembb">[62]主材价格!#REF!</definedName>
    <definedName name="bl8.12.8lowemykl">[62]主材价格!#REF!</definedName>
    <definedName name="bl8.12.8lowesj">[63]主材价格!#REF!</definedName>
    <definedName name="blblg">[63]主材价格!#REF!</definedName>
    <definedName name="BLCH">'[61]#REF!'!$B$25</definedName>
    <definedName name="BLO_1">#N/A</definedName>
    <definedName name="blz">'[7]#REF!'!$B$19</definedName>
    <definedName name="blzcj">'[7]#REF!'!$D$19</definedName>
    <definedName name="blzgg">'[7]#REF!'!$C$19</definedName>
    <definedName name="bxgby">'[7]#REF!'!#REF!</definedName>
    <definedName name="B主筋锚长">[65]内围地梁钢筋说明!$C$17</definedName>
    <definedName name="C_">'[66]Sheet1 (2)'!#REF!</definedName>
    <definedName name="CARF">[67]变量单!$C$3</definedName>
    <definedName name="CC">[68]단중표!$M$2:$N$46</definedName>
    <definedName name="CCCCCCCCCCCCCCCCCC">'[69]#REF!'!$D$1542</definedName>
    <definedName name="CC단중">[58]단중표!$AF$20</definedName>
    <definedName name="cdbl">'[7]#REF!'!$D$3</definedName>
    <definedName name="cdblu">'[7]#REF!'!#REF!</definedName>
    <definedName name="cdbxgb">'[7]#REF!'!#REF!</definedName>
    <definedName name="cdbxgf">'[7]#REF!'!#REF!</definedName>
    <definedName name="cdbxggj">'[7]#REF!'!#REF!</definedName>
    <definedName name="cddth">'[7]#REF!'!#REF!</definedName>
    <definedName name="cddxb">'[7]#REF!'!#REF!</definedName>
    <definedName name="cdfsh">'[7]#REF!'!#REF!</definedName>
    <definedName name="cdg">'[2]방배동내역(리라)'!$A$2:$IV$5</definedName>
    <definedName name="cdgb">'[7]#REF!'!#REF!</definedName>
    <definedName name="cdgc">'[7]#REF!'!$D$23</definedName>
    <definedName name="cdgjbs">[70]主材价格!$D$50</definedName>
    <definedName name="cdgrt">'[7]#REF!'!#REF!</definedName>
    <definedName name="cdgxc">'[7]#REF!'!$D$24</definedName>
    <definedName name="cdhgy">'[7]#REF!'!#REF!</definedName>
    <definedName name="cdjgj">'[7]#REF!'!#REF!</definedName>
    <definedName name="cdjsb">'[7]#REF!'!#REF!</definedName>
    <definedName name="cdjt">'[7]#REF!'!#REF!</definedName>
    <definedName name="cdlsb">'[7]#REF!'!#REF!</definedName>
    <definedName name="cdlv">'[7]#REF!'!$D$20</definedName>
    <definedName name="cdlvdb">'[7]#REF!'!#REF!</definedName>
    <definedName name="cdlvfw">'[7]#REF!'!#REF!</definedName>
    <definedName name="cdmdxb">'[7]#REF!'!#REF!</definedName>
    <definedName name="cdmenj">'[7]#REF!'!#REF!</definedName>
    <definedName name="cdnhj">'[7]#REF!'!#REF!</definedName>
    <definedName name="cdpk">'[7]#REF!'!#REF!</definedName>
    <definedName name="cdpkm">'[7]#REF!'!#REF!</definedName>
    <definedName name="cdsc">'[7]#REF!'!#REF!</definedName>
    <definedName name="cdscsy">'[7]#REF!'!#REF!</definedName>
    <definedName name="cdsn">'[7]#REF!'!#REF!</definedName>
    <definedName name="cdsx">'[7]#REF!'!#REF!</definedName>
    <definedName name="cdtl">'[7]#REF!'!#REF!</definedName>
    <definedName name="cdtxb">'[7]#REF!'!#REF!</definedName>
    <definedName name="cdwood">'[7]#REF!'!#REF!</definedName>
    <definedName name="cdwsb">'[7]#REF!'!#REF!</definedName>
    <definedName name="cdym">'[7]#REF!'!#REF!</definedName>
    <definedName name="cdysj">'[7]#REF!'!#REF!</definedName>
    <definedName name="cdzjj">'[7]#REF!'!#REF!</definedName>
    <definedName name="CHANNEL단중">[58]단중표!$AF$14</definedName>
    <definedName name="CHO">#N/A</definedName>
    <definedName name="cj.bl">[63]主材价格!$D$4</definedName>
    <definedName name="cj.cj1">[62]主材价格!$D$6</definedName>
    <definedName name="cj.cj10">[63]主材价格!#REF!</definedName>
    <definedName name="cj.cj11">[63]主材价格!#REF!</definedName>
    <definedName name="cj.cj12">[63]主材价格!#REF!</definedName>
    <definedName name="cj.cj2">[63]主材价格!#REF!</definedName>
    <definedName name="cj.cj3">[62]主材价格!$D$8</definedName>
    <definedName name="cj.cj4">[63]主材价格!#REF!</definedName>
    <definedName name="cj.cj5">[63]主材价格!#REF!</definedName>
    <definedName name="cj.cj6">[63]主材价格!#REF!</definedName>
    <definedName name="cj.cj7">[63]主材价格!#REF!</definedName>
    <definedName name="cj.cj8">[64]主材价格!$D$15</definedName>
    <definedName name="cj.cj9">[63]主材价格!#REF!</definedName>
    <definedName name="cj.dorma">[63]主材价格!#REF!</definedName>
    <definedName name="cj.gc">[62]主材价格!$D$22</definedName>
    <definedName name="cj.gewu">[62]主材价格!$D$105</definedName>
    <definedName name="cj.gylc">[62]主材价格!$D$79</definedName>
    <definedName name="cj.mc.zsm">[63]主材价格!#REF!</definedName>
    <definedName name="cj.sdkning">[62]主材价格!$D$129</definedName>
    <definedName name="cjnb">[63]主材价格!#REF!</definedName>
    <definedName name="CJRF">[67]变量单!$C$2</definedName>
    <definedName name="CMJ">[67]变量单!$C$17</definedName>
    <definedName name="COMPANY">#N/A</definedName>
    <definedName name="CONC">#N/A</definedName>
    <definedName name="CONSOL">[66]삼성전기!#REF!</definedName>
    <definedName name="CQU">[71]資料庫!$B$5:$D$846</definedName>
    <definedName name="css">'[61]#REF!'!$B$5</definedName>
    <definedName name="CTBAR단중">[58]단중표!$AF$11</definedName>
    <definedName name="CTI">[58]단중표!$AF$26</definedName>
    <definedName name="CUQ">[73]PUR资料库!$B$5:$AU$838</definedName>
    <definedName name="CV14_2C">[74]단가!#REF!</definedName>
    <definedName name="CV14_4C">[74]단가!#REF!</definedName>
    <definedName name="CV5.5_2">[74]단가!#REF!</definedName>
    <definedName name="CV5.5_4C">[74]단가!#REF!</definedName>
    <definedName name="CV8_2C">[74]단가!#REF!</definedName>
    <definedName name="CV8_4C">[74]단가!#REF!</definedName>
    <definedName name="cwj">[75]单价表!$B$10</definedName>
    <definedName name="cx.qglg">[63]主材价格!#REF!</definedName>
    <definedName name="D0_1">'[77]#REF!'!$D$1540</definedName>
    <definedName name="D0_2">'[77]#REF!'!$D$1540</definedName>
    <definedName name="D0_3">'[77]#REF!'!$D$1540</definedName>
    <definedName name="D0_4">'[77]#REF!'!$D$1540</definedName>
    <definedName name="D0_5">'[77]#REF!'!$D$1540</definedName>
    <definedName name="D0000">'[78]#REF!'!$D$1542</definedName>
    <definedName name="D210.">[79]报价明细表!$D$1120</definedName>
    <definedName name="D261.">[80]单价报价明细表!$D$257</definedName>
    <definedName name="D660.">[81]含量!$D$73:$E$73</definedName>
    <definedName name="DAL">[82]改加胶玻璃、室外栏杆!$D$8</definedName>
    <definedName name="DAY">#N/A</definedName>
    <definedName name="DBAZ">[17]Sheet1!$B$12</definedName>
    <definedName name="DBCJ">[17]雨棚!$D$18</definedName>
    <definedName name="DBJG">[17]Sheet1!$B$11</definedName>
    <definedName name="dblj6126j52j6">'[7]#REF!'!#REF!</definedName>
    <definedName name="dbTitle_AudioAuthor">[83]G2TempSheet!$S$4</definedName>
    <definedName name="dbTitle_AudioAuthorId">[83]G2TempSheet!$T$4</definedName>
    <definedName name="dbTitle_BudgetStyle">[84]G2TempSheet!$E$4</definedName>
    <definedName name="dbTitle_builder">[85]G2TempSheet!$C$4</definedName>
    <definedName name="dbTitle_chinesedate">[83]G2TempSheet!$V$4</definedName>
    <definedName name="dbTitle_CompileAuthor">[83]G2TempSheet!$Q$4</definedName>
    <definedName name="dbTitle_CompileAuthorId">[83]G2TempSheet!$R$4</definedName>
    <definedName name="dbTitle_gczj">[83]G2TempSheet!$W$4</definedName>
    <definedName name="dbTitle_projectname">[85]G2TempSheet!$D$4</definedName>
    <definedName name="DC.PIPE">[86]일위대가!#REF!</definedName>
    <definedName name="dcx">'[61]#REF!'!$J$3</definedName>
    <definedName name="DD">[49]입찰안!$P$3</definedName>
    <definedName name="ddd">'[2]방배동내역(리라)'!$A$6:$Q$955</definedName>
    <definedName name="DDDD">[49]입찰안!$P$3</definedName>
    <definedName name="ddddd">'[87]7'!$B$6:$G$15</definedName>
    <definedName name="DDDDDDD">'[50]#REF!'!#REF!</definedName>
    <definedName name="ddddddddddddddddddddddddddd">[88]改加胶玻璃、室外栏杆!$D$8</definedName>
    <definedName name="dfafd">'[89]#REF!'!#REF!</definedName>
    <definedName name="DFG" hidden="1">{#N/A,#N/A,FALSE,"전력간선"}</definedName>
    <definedName name="dg">'[90]#REF!'!$D$1542</definedName>
    <definedName name="dgfg">'[2]방배동내역(리라)'!$A$6:$Q$955</definedName>
    <definedName name="dhl">'[61]#REF!'!$H$3</definedName>
    <definedName name="dj.bl10.12.8">[63]主材价格!#REF!</definedName>
    <definedName name="dj.bl10.12.8lowem">[63]主材价格!#REF!</definedName>
    <definedName name="dj.bl10.152.10gj">[63]主材价格!#REF!</definedName>
    <definedName name="dj.bl12G">[64]主材价格!$F$15</definedName>
    <definedName name="dj.bl15G">[63]主材价格!#REF!</definedName>
    <definedName name="dj.bl19G">[63]主材价格!#REF!</definedName>
    <definedName name="dj.bl6.12.6">[63]主材价格!#REF!</definedName>
    <definedName name="dj.bl6.12.6lowej">[63]主材价格!#REF!</definedName>
    <definedName name="dj.bl6.12.6lowem">[62]主材价格!$F$6</definedName>
    <definedName name="dj.bl6.9.6">[63]主材价格!#REF!</definedName>
    <definedName name="dj.bl6.9.6j076_6">[63]主材价格!#REF!</definedName>
    <definedName name="dj.bl8.076.6">[62]主材价格!#REF!</definedName>
    <definedName name="dj.bl8.114.8">[62]主材价格!$F$8</definedName>
    <definedName name="dj.bl8.114.8jm">[63]主材价格!#REF!</definedName>
    <definedName name="dj.bl8.12.6lowem">[62]主材价格!#REF!</definedName>
    <definedName name="dj.bl8.12.8">[63]主材价格!#REF!</definedName>
    <definedName name="dj.bl8.12.8lowem">[63]主材价格!#REF!</definedName>
    <definedName name="dj.bl8.12.8lowembb">[62]主材价格!#REF!</definedName>
    <definedName name="dj.bl8.12.8lowemykl">[62]主材价格!#REF!</definedName>
    <definedName name="dj.bl8.12.8lowesj">[63]主材价格!#REF!</definedName>
    <definedName name="dj.blblg">[91]主材价格!$F$17</definedName>
    <definedName name="dj.fl.bllg">[63]主材价格!#REF!</definedName>
    <definedName name="dj.fl.dsmqf">[63]主材价格!#REF!</definedName>
    <definedName name="dj.fl.dymqf">[63]主材价格!#REF!</definedName>
    <definedName name="dj.fl.mcf">[64]主材价格!$F$150</definedName>
    <definedName name="dj.fl.mqf">[62]主材价格!$F$135</definedName>
    <definedName name="dj.fl.scmqf">[63]主材价格!#REF!</definedName>
    <definedName name="dj.fl.ztpf">[63]主材价格!#REF!</definedName>
    <definedName name="dj.ldb.1_5ft">[63]主材价格!#REF!</definedName>
    <definedName name="dj.ldb.2ft">[92]主材价格!$F$35</definedName>
    <definedName name="dj.ldb.3ft">[63]主材价格!#REF!</definedName>
    <definedName name="dj.mc.jygebb">[91]主材价格!$F$76</definedName>
    <definedName name="dj.xh.cx.qglg">[63]主材价格!#REF!</definedName>
    <definedName name="dj.xh.gb.bxgb.1_5y">[91]主材价格!$F$27</definedName>
    <definedName name="dj.xh.gb.bxgb.2">[91]主材价格!$F$26</definedName>
    <definedName name="dj.xh.gb.bxgb1_2">[91]主材价格!$F$30</definedName>
    <definedName name="dj.xh.gb.bxgb1_5j">[91]主材价格!$F$28</definedName>
    <definedName name="dj.xh.gb.bxgb1_5ya">[63]主材价格!#REF!</definedName>
    <definedName name="dj.xh.gb.bxgb50.3">[91]主材价格!$F$32</definedName>
    <definedName name="dj.xh.gb.bxgb8022">[63]主材价格!#REF!</definedName>
    <definedName name="dj.xh.gb.bxgw">[63]主材价格!#REF!</definedName>
    <definedName name="dj.xh.gb.dxgb1_2">[63]主材价格!#REF!</definedName>
    <definedName name="dj.xh.gb.dxgb1_5">[63]主材价格!#REF!</definedName>
    <definedName name="dj.xh.gb.gb5_50">[63]主材价格!#REF!</definedName>
    <definedName name="dj.xh.gb.jzx">[63]主材价格!#REF!</definedName>
    <definedName name="dj.xh.gb.jzx1">[63]主材价格!#REF!</definedName>
    <definedName name="dj.xh.gb.jzx10">[63]主材价格!#REF!</definedName>
    <definedName name="dj.xh.gb.jzx11">[63]主材价格!#REF!</definedName>
    <definedName name="dj.xh.gb.jzx12">[63]主材价格!#REF!</definedName>
    <definedName name="dj.xh.gb.jzx13">[63]主材价格!#REF!</definedName>
    <definedName name="dj.xh.gb.jzx14">[63]主材价格!#REF!</definedName>
    <definedName name="dj.xh.gb.jzx15">[63]主材价格!#REF!</definedName>
    <definedName name="dj.xh.gb.jzx16">[63]主材价格!#REF!</definedName>
    <definedName name="dj.xh.gb.jzx17">[63]主材价格!#REF!</definedName>
    <definedName name="dj.xh.gb.jzx18">[63]主材价格!#REF!</definedName>
    <definedName name="dj.xh.gb.jzx19">[63]主材价格!#REF!</definedName>
    <definedName name="dj.xh.gb.jzx2">[63]主材价格!#REF!</definedName>
    <definedName name="dj.xh.gb.jzx20">[63]主材价格!#REF!</definedName>
    <definedName name="dj.xh.gb.jzx21">[63]主材价格!#REF!</definedName>
    <definedName name="dj.xh.gb.jzx3">[63]主材价格!#REF!</definedName>
    <definedName name="dj.xh.gb.jzx4">[63]主材价格!#REF!</definedName>
    <definedName name="dj.xh.gb.jzx5">[63]主材价格!#REF!</definedName>
    <definedName name="dj.xh.gb.jzx6">[63]主材价格!#REF!</definedName>
    <definedName name="dj.xh.gb.jzx7">[63]主材价格!#REF!</definedName>
    <definedName name="dj.xh.gb.jzx8">[63]主材价格!#REF!</definedName>
    <definedName name="dj.xh.gb.jzx9">[63]主材价格!#REF!</definedName>
    <definedName name="dj.xh.gb.szljj">[63]主材价格!#REF!</definedName>
    <definedName name="dj.xh.gb.ztpf25">[63]主材价格!#REF!</definedName>
    <definedName name="dj.xh.j.jgj.gt">[62]主材价格!$F$130</definedName>
    <definedName name="dj.xh.j.nhj591">[62]主材价格!$F$129</definedName>
    <definedName name="dj.xh.j.njj">[63]主材价格!$F$37</definedName>
    <definedName name="dj.xh.j.ysj">[63]主材价格!#REF!</definedName>
    <definedName name="dj.xh.jgj.bjt.t02d">[63]主材价格!#REF!</definedName>
    <definedName name="dj.xh.jgj.bjz.2z">[63]主材价格!#REF!</definedName>
    <definedName name="dj.xh.jgj.bjz.4z">[63]主材价格!#REF!</definedName>
    <definedName name="dj.xh.jgj.bjz.dz">[63]主材价格!#REF!</definedName>
    <definedName name="dj.xh.jgj.bxgzb">[63]主材价格!#REF!</definedName>
    <definedName name="dj.xh.jgj.dds">[63]主材价格!#REF!</definedName>
    <definedName name="dj.xh.jgj.dth">[91]主材价格!$F$98</definedName>
    <definedName name="dj.xh.jgj.gj">[63]主材价格!#REF!</definedName>
    <definedName name="dj.xh.jgj.hbmj">[63]主材价格!#REF!</definedName>
    <definedName name="dj.xh.jgj.hbzjj">[63]主材价格!#REF!</definedName>
    <definedName name="dj.xh.jgj.lg76">[63]主材价格!#REF!</definedName>
    <definedName name="dj.xh.jgj.mfs">[63]主材价格!#REF!</definedName>
    <definedName name="dj.xh.jgj.mhy">[91]主材价格!$F$102</definedName>
    <definedName name="dj.xh.jgj.mj">[91]主材价格!$F$100</definedName>
    <definedName name="dj.xh.jgj.ms">[91]主材价格!$F$99</definedName>
    <definedName name="dj.xh.jgj.mzs">[91]主材价格!$F$103</definedName>
    <definedName name="dj.xh.jgj.tlzs">[63]主材价格!#REF!</definedName>
    <definedName name="dj.xh.jgj.zjj.z01j">[63]主材价格!#REF!</definedName>
    <definedName name="dj.xh.jgj.zsjl">[62]主材价格!$F$105</definedName>
    <definedName name="dj.xh.jgjmzsjl">[91]主材价格!$F$106</definedName>
    <definedName name="dj.xh.mc.grc">[91]主材价格!$F$65</definedName>
    <definedName name="dj.xh.mc.gsgb2_10">[91]主材价格!$F$67</definedName>
    <definedName name="dj.xh.mc.mdb">[63]主材价格!#REF!</definedName>
    <definedName name="dj.xh.mc.sc25">[63]主材价格!#REF!</definedName>
    <definedName name="dj.xh.mc.sc35">[63]主材价格!#REF!</definedName>
    <definedName name="dj.xh.mc.sgb">[63]主材价格!#REF!</definedName>
    <definedName name="dj.xh.mc.sngb50">[91]主材价格!$F$66</definedName>
    <definedName name="dj.xh.mc.xmgg15">[63]主材价格!#REF!</definedName>
    <definedName name="dj.xh.mc.ygb24">[63]主材价格!#REF!</definedName>
    <definedName name="dj.xh.mc.yklb">[91]主材价格!$F$68</definedName>
    <definedName name="dj.xh.mc.yklgs">[91]主材价格!$F$69</definedName>
    <definedName name="dj.xh.mc.yq">[63]主材价格!#REF!</definedName>
    <definedName name="dj.xh.mc.zsm">[63]主材价格!#REF!</definedName>
    <definedName name="dj.xh.tjb.bhjd">[63]主材价格!#REF!</definedName>
    <definedName name="dj.xh.tjb.grt.pa66">[63]主材价格!#REF!</definedName>
    <definedName name="dj.xh.tjb.jsbb.50">[91]主材价格!$F$122</definedName>
    <definedName name="dj.xh.tjb.mfjt.syyb">[62]主材价格!$F$121</definedName>
    <definedName name="dj.xh.tjb.ym100">[63]主材价格!#REF!</definedName>
    <definedName name="dj.xh.tjb.ym50">[63]主材价格!#REF!</definedName>
    <definedName name="dj.xh.tjb.ym80">[93]主材价格!$F$70</definedName>
    <definedName name="dj.xh.xc.bxgb25">[63]主材价格!#REF!</definedName>
    <definedName name="dj.xh.xc.bxgs14">[63]主材价格!#REF!</definedName>
    <definedName name="dj.xh.xc.dgj">[63]主材价格!#REF!</definedName>
    <definedName name="dj.xh.xc.gbbxg">[91]主材价格!$F$92</definedName>
    <definedName name="dj.xh.xc.gbbxg_pt">[63]主材价格!#REF!</definedName>
    <definedName name="dj.xh.xc.gfgft">[63]主材价格!#REF!</definedName>
    <definedName name="dj.xh.xc.gxcdx">[62]主材价格!$F$83</definedName>
    <definedName name="dj.xh.xc.gxcdx_m">[63]主材价格!#REF!</definedName>
    <definedName name="dj.xh.xc.lxcft">[62]主材价格!$F$80</definedName>
    <definedName name="dj.xh.xc.lxcyh">[63]主材价格!#REF!</definedName>
    <definedName name="dj.xh.xc.st1gb30">[63]主材价格!#REF!</definedName>
    <definedName name="dj.xh.xc.ygg30.2_5">[63]主材价格!#REF!</definedName>
    <definedName name="dj.xh.xh.xc.gxcft">[63]主材价格!#REF!</definedName>
    <definedName name="dj12128l">'[7]#REF!'!#REF!</definedName>
    <definedName name="dj6126j52j6">'[7]#REF!'!#REF!</definedName>
    <definedName name="djb10d">'[7]#REF!'!$H$5</definedName>
    <definedName name="djbl0812061526">'[7]#REF!'!$F$10</definedName>
    <definedName name="djbl081208">'[7]#REF!'!$F$3</definedName>
    <definedName name="djbl0812fw08">'[7]#REF!'!$F$4</definedName>
    <definedName name="djbl08d">'[7]#REF!'!$F$17</definedName>
    <definedName name="djbl101208">'[7]#REF!'!$F$6</definedName>
    <definedName name="djbl10126j14j6">'[7]#REF!'!#REF!</definedName>
    <definedName name="djbl10d">'[7]#REF!'!#REF!</definedName>
    <definedName name="djbl121210l">'[7]#REF!'!#REF!</definedName>
    <definedName name="djbl12128l">'[7]#REF!'!#REF!</definedName>
    <definedName name="djbl595tm">'[7]#REF!'!#REF!</definedName>
    <definedName name="djbl6126">'[7]#REF!'!#REF!</definedName>
    <definedName name="djbl6126j52j6">'[7]#REF!'!$F$11</definedName>
    <definedName name="djbl6126L">'[7]#REF!'!$F$14</definedName>
    <definedName name="djbl612fw6j14j6">'[7]#REF!'!#REF!</definedName>
    <definedName name="djbl6jia146">'[7]#REF!'!#REF!</definedName>
    <definedName name="djbl6jia14j6">'[7]#REF!'!#REF!</definedName>
    <definedName name="djbl8128cyl">'[7]#REF!'!$F$7</definedName>
    <definedName name="djbl8128fhl">'[7]#REF!'!$F$8</definedName>
    <definedName name="djbl8128l">'[7]#REF!'!$F$3</definedName>
    <definedName name="djblu">'[7]#REF!'!#REF!</definedName>
    <definedName name="djblz">'[7]#REF!'!$F$19</definedName>
    <definedName name="djbxgb0_4">'[7]#REF!'!#REF!</definedName>
    <definedName name="djbxgb1">'[7]#REF!'!#REF!</definedName>
    <definedName name="djbxgb1_2">'[7]#REF!'!#REF!</definedName>
    <definedName name="djbxgb1_5">'[7]#REF!'!#REF!</definedName>
    <definedName name="djbxgby">'[7]#REF!'!#REF!</definedName>
    <definedName name="djbxgf">'[7]#REF!'!#REF!</definedName>
    <definedName name="djbxggj">'[7]#REF!'!#REF!</definedName>
    <definedName name="djbxgw">'[7]#REF!'!#REF!</definedName>
    <definedName name="djdth">'[7]#REF!'!#REF!</definedName>
    <definedName name="djdxb1_5">'[7]#REF!'!#REF!</definedName>
    <definedName name="djdxb2">'[7]#REF!'!#REF!</definedName>
    <definedName name="djfsh">'[7]#REF!'!#REF!</definedName>
    <definedName name="djgbhw6">'[7]#REF!'!#REF!</definedName>
    <definedName name="djgbl081206ja06">'[7]#REF!'!$F$13</definedName>
    <definedName name="djgbl081208m">'[7]#REF!'!$F$5</definedName>
    <definedName name="djgbl10ja10">'[7]#REF!'!$F$12</definedName>
    <definedName name="djgbl15">'[7]#REF!'!$F$9</definedName>
    <definedName name="djgbl8128L">'[7]#REF!'!$F$15</definedName>
    <definedName name="djgc">'[7]#REF!'!$F$23</definedName>
    <definedName name="djgcdx">'[7]#REF!'!$F$26</definedName>
    <definedName name="djgcftpt">'[7]#REF!'!$F$24</definedName>
    <definedName name="djgfg">'[7]#REF!'!$F$25</definedName>
    <definedName name="djgjbs">[70]主材价格!$F$50</definedName>
    <definedName name="djgrt">'[7]#REF!'!#REF!</definedName>
    <definedName name="djgxc">'[7]#REF!'!$F$24</definedName>
    <definedName name="djhgy">'[7]#REF!'!#REF!</definedName>
    <definedName name="djjgj">'[7]#REF!'!#REF!</definedName>
    <definedName name="djjsb50">'[7]#REF!'!#REF!</definedName>
    <definedName name="djjt">'[7]#REF!'!#REF!</definedName>
    <definedName name="djljwjj">'[7]#REF!'!#REF!</definedName>
    <definedName name="djlsb">'[7]#REF!'!#REF!</definedName>
    <definedName name="djlvdb">'[7]#REF!'!#REF!</definedName>
    <definedName name="djlvfm">'[7]#REF!'!$F$20</definedName>
    <definedName name="djlvft">'[7]#REF!'!$F$21</definedName>
    <definedName name="djlvfw20">'[7]#REF!'!#REF!</definedName>
    <definedName name="djlvyb">'[7]#REF!'!$F$22</definedName>
    <definedName name="djmdxb18">'[7]#REF!'!#REF!</definedName>
    <definedName name="djmenj">'[7]#REF!'!#REF!</definedName>
    <definedName name="djnhj">'[7]#REF!'!#REF!</definedName>
    <definedName name="djpk">'[7]#REF!'!#REF!</definedName>
    <definedName name="djpkm">'[7]#REF!'!#REF!</definedName>
    <definedName name="djsc">'[7]#REF!'!#REF!</definedName>
    <definedName name="djscsy">'[7]#REF!'!#REF!</definedName>
    <definedName name="djsn">'[7]#REF!'!#REF!</definedName>
    <definedName name="djsx">'[7]#REF!'!#REF!</definedName>
    <definedName name="djtl">'[7]#REF!'!#REF!</definedName>
    <definedName name="djtxb">'[7]#REF!'!#REF!</definedName>
    <definedName name="djwood">'[7]#REF!'!#REF!</definedName>
    <definedName name="djwsb">'[7]#REF!'!#REF!</definedName>
    <definedName name="djym">'[7]#REF!'!#REF!</definedName>
    <definedName name="djysj">'[7]#REF!'!#REF!</definedName>
    <definedName name="djzjj">'[7]#REF!'!#REF!</definedName>
    <definedName name="dkdk">[2]부대공사총괄!$A$56:$F$2120</definedName>
    <definedName name="DKM">[17]材料!$F$29</definedName>
    <definedName name="dkq">'[61]#REF!'!$L$3</definedName>
    <definedName name="DMTL">[94]ANL!$I$14</definedName>
    <definedName name="dn" hidden="1">{#N/A,#N/A,FALSE,"혼합골재"}</definedName>
    <definedName name="dp">'[95]#REF!'!$D$1542</definedName>
    <definedName name="DQYH">[67]变量单!$C$11</definedName>
    <definedName name="drt">[96]材料单价!$D$26</definedName>
    <definedName name="dsafdfdfdfdfd">'[97]#REF!'!#REF!</definedName>
    <definedName name="dsDataSet2">[98]费用表!#REF!</definedName>
    <definedName name="dsDataSet3">[98]费用表!#REF!</definedName>
    <definedName name="dsDataSet4">[98]费用表!#REF!</definedName>
    <definedName name="DSFSFSSSSS" hidden="1">[99]대비!#REF!</definedName>
    <definedName name="dsjt">'[61]#REF!'!$B$19</definedName>
    <definedName name="dsl">'[61]#REF!'!$F$3</definedName>
    <definedName name="dt">'[61]#REF!'!$N$2</definedName>
    <definedName name="dth">[17]材料!$F$31</definedName>
    <definedName name="dw">'[100]#REF!'!$A:$A</definedName>
    <definedName name="dw.ba">[91]主材价格!$E$103</definedName>
    <definedName name="dw.ge">[63]主材价格!#REF!</definedName>
    <definedName name="dw.jian">[63]主材价格!#REF!</definedName>
    <definedName name="dw.kg">[62]主材价格!$E$31</definedName>
    <definedName name="dw.m">[62]主材价格!$E$108</definedName>
    <definedName name="dw.m2">[62]主材价格!$E$5</definedName>
    <definedName name="dw.sheng">[62]主材价格!$E$130</definedName>
    <definedName name="dw.tao">[62]主材价格!$E$98</definedName>
    <definedName name="dw.zi">[62]主材价格!$E$115</definedName>
    <definedName name="dwbl">'[7]#REF!'!$E$3</definedName>
    <definedName name="dwbxgb">'[7]#REF!'!#REF!</definedName>
    <definedName name="dwbxggj">'[7]#REF!'!#REF!</definedName>
    <definedName name="dwdth">'[7]#REF!'!#REF!</definedName>
    <definedName name="dwdxb">'[7]#REF!'!#REF!</definedName>
    <definedName name="dwfsh">'[7]#REF!'!#REF!</definedName>
    <definedName name="dwgb">'[7]#REF!'!#REF!</definedName>
    <definedName name="dwgc">'[7]#REF!'!$E$23</definedName>
    <definedName name="dwgrt">'[7]#REF!'!#REF!</definedName>
    <definedName name="dwgxc">'[7]#REF!'!$E$24</definedName>
    <definedName name="dwhgy">'[7]#REF!'!#REF!</definedName>
    <definedName name="dwjgj">'[7]#REF!'!#REF!</definedName>
    <definedName name="dwjsb">'[7]#REF!'!#REF!</definedName>
    <definedName name="dwjt">'[7]#REF!'!#REF!</definedName>
    <definedName name="dwlsb">'[7]#REF!'!#REF!</definedName>
    <definedName name="dwlv">'[7]#REF!'!$E$20</definedName>
    <definedName name="dwlvdb">'[7]#REF!'!#REF!</definedName>
    <definedName name="dwmdxb">'[7]#REF!'!#REF!</definedName>
    <definedName name="dwmenj">'[7]#REF!'!#REF!</definedName>
    <definedName name="dwnhj">'[7]#REF!'!#REF!</definedName>
    <definedName name="dwpk">'[7]#REF!'!#REF!</definedName>
    <definedName name="dwpkm">'[7]#REF!'!#REF!</definedName>
    <definedName name="dwsc">'[7]#REF!'!#REF!</definedName>
    <definedName name="dwscsy">'[7]#REF!'!#REF!</definedName>
    <definedName name="dwsx">'[7]#REF!'!#REF!</definedName>
    <definedName name="dwtxb">'[7]#REF!'!#REF!</definedName>
    <definedName name="dwwood">'[7]#REF!'!#REF!</definedName>
    <definedName name="dwym">'[7]#REF!'!#REF!</definedName>
    <definedName name="DXGC">[101]Sheet1!$B$17</definedName>
    <definedName name="dz">[102]材料单价表!$B$29</definedName>
    <definedName name="D栋成本">'[103]#REF!'!$B$1:$AJ$103</definedName>
    <definedName name="E25M">[104]전기일위대가!#REF!</definedName>
    <definedName name="E25P">[104]전기일위대가!#REF!</definedName>
    <definedName name="E31E">[104]전기일위대가!#REF!</definedName>
    <definedName name="E31M">[104]전기일위대가!#REF!</definedName>
    <definedName name="E31P">[104]전기일위대가!#REF!</definedName>
    <definedName name="E32E">[104]전기일위대가!#REF!</definedName>
    <definedName name="E32M">[104]전기일위대가!#REF!</definedName>
    <definedName name="E32P">[104]전기일위대가!#REF!</definedName>
    <definedName name="E33E">[104]전기일위대가!#REF!</definedName>
    <definedName name="E33M">[104]전기일위대가!#REF!</definedName>
    <definedName name="E33P">[104]전기일위대가!#REF!</definedName>
    <definedName name="E34E">[104]전기일위대가!#REF!</definedName>
    <definedName name="E34M">[104]전기일위대가!#REF!</definedName>
    <definedName name="E34P">[104]전기일위대가!#REF!</definedName>
    <definedName name="E36M">[104]전기일위대가!#REF!</definedName>
    <definedName name="E36P">[104]전기일위대가!#REF!</definedName>
    <definedName name="E37M">[104]전기일위대가!#REF!</definedName>
    <definedName name="E37P">[104]전기일위대가!#REF!</definedName>
    <definedName name="E38M">[104]전기일위대가!#REF!</definedName>
    <definedName name="E38P">[104]전기일위대가!#REF!</definedName>
    <definedName name="E39M">[104]전기일위대가!#REF!</definedName>
    <definedName name="E39P">[104]전기일위대가!#REF!</definedName>
    <definedName name="E40M">[104]전기일위대가!#REF!</definedName>
    <definedName name="E40P">[104]전기일위대가!#REF!</definedName>
    <definedName name="E41M">[104]전기일위대가!#REF!</definedName>
    <definedName name="E41P">[104]전기일위대가!#REF!</definedName>
    <definedName name="E42M">[104]전기일위대가!#REF!</definedName>
    <definedName name="E42P">[104]전기일위대가!#REF!</definedName>
    <definedName name="E48M">[104]전기일위대가!#REF!</definedName>
    <definedName name="E48P">[104]전기일위대가!#REF!</definedName>
    <definedName name="E52M">[104]전기일위대가!#REF!</definedName>
    <definedName name="E52P">[104]전기일위대가!#REF!</definedName>
    <definedName name="E53M">[104]전기일위대가!#REF!</definedName>
    <definedName name="E53P">[104]전기일위대가!#REF!</definedName>
    <definedName name="E54M">[104]전기일위대가!#REF!</definedName>
    <definedName name="E54P">[104]전기일위대가!#REF!</definedName>
    <definedName name="E55M">[104]전기일위대가!#REF!</definedName>
    <definedName name="E55P">[104]전기일위대가!#REF!</definedName>
    <definedName name="E56M">[104]전기일위대가!#REF!</definedName>
    <definedName name="E56P">[104]전기일위대가!#REF!</definedName>
    <definedName name="E57M">[104]전기일위대가!#REF!</definedName>
    <definedName name="E57P">[104]전기일위대가!#REF!</definedName>
    <definedName name="E58M">[104]전기일위대가!#REF!</definedName>
    <definedName name="E58P">[104]전기일위대가!#REF!</definedName>
    <definedName name="E59M">[104]전기일위대가!#REF!</definedName>
    <definedName name="E59P">[104]전기일위대가!#REF!</definedName>
    <definedName name="E60M">[104]전기일위대가!#REF!</definedName>
    <definedName name="E60P">[104]전기일위대가!#REF!</definedName>
    <definedName name="E61M">[104]전기일위대가!#REF!</definedName>
    <definedName name="E61P">[104]전기일위대가!#REF!</definedName>
    <definedName name="E62M">[104]전기일위대가!#REF!</definedName>
    <definedName name="E62P">[104]전기일위대가!#REF!</definedName>
    <definedName name="E63M">[104]전기일위대가!#REF!</definedName>
    <definedName name="E63P">[104]전기일위대가!#REF!</definedName>
    <definedName name="E64M">[104]전기일위대가!#REF!</definedName>
    <definedName name="E64P">[104]전기일위대가!#REF!</definedName>
    <definedName name="E65M">[104]전기일위대가!#REF!</definedName>
    <definedName name="E65P">[104]전기일위대가!#REF!</definedName>
    <definedName name="E66M">[104]전기일위대가!#REF!</definedName>
    <definedName name="E66P">[104]전기일위대가!#REF!</definedName>
    <definedName name="E67M">[104]전기일위대가!#REF!</definedName>
    <definedName name="E67P">[104]전기일위대가!#REF!</definedName>
    <definedName name="E68M">[104]전기일위대가!#REF!</definedName>
    <definedName name="ee" hidden="1">{#N/A,#N/A,FALSE,"단가표지"}</definedName>
    <definedName name="efh">'[2]방배동내역(리라)'!$A$6:$Q$955</definedName>
    <definedName name="EGGK">[94]ANL!$I$43</definedName>
    <definedName name="EGGKB">[94]ANL!$I$46</definedName>
    <definedName name="EGGKK">[94]ANL!$I$44</definedName>
    <definedName name="ei" hidden="1">{#N/A,#N/A,FALSE,"估價單  (3)"}</definedName>
    <definedName name="ENCOST">#N/A</definedName>
    <definedName name="er">'[89]#REF!'!#REF!</definedName>
    <definedName name="Excel_BuiltIn__FilterDatabase_3">[105]裙房!$C$4:$G$40</definedName>
    <definedName name="Excel_BuiltIn_Print_Area_0">"$#REF!.$#REF!$#REF!:$#REF!$#REF!"</definedName>
    <definedName name="Excel_BuiltIn_Print_Area_0___0">"$#REF!.$#REF!$#REF!:$#REF!$#REF!"</definedName>
    <definedName name="Excel_BuiltIn_Print_Area_6">[105]明细表!$A$1:$I$1508</definedName>
    <definedName name="EXE">#N/A</definedName>
    <definedName name="EXRMB">'[106]S-Hotel'!$G$5</definedName>
    <definedName name="F_CODE">#N/A</definedName>
    <definedName name="F_CODE1">[107]내역서!#REF!</definedName>
    <definedName name="F_DES">[107]내역서!#REF!</definedName>
    <definedName name="F_DESC">[108]대비!#REF!</definedName>
    <definedName name="F_EQ">#N/A</definedName>
    <definedName name="F_EQ0">#N/A</definedName>
    <definedName name="F_FORM">#N/A</definedName>
    <definedName name="F_INT1">#N/A</definedName>
    <definedName name="F_LA">#N/A</definedName>
    <definedName name="F_LA0">#N/A</definedName>
    <definedName name="F_LVL">#N/A</definedName>
    <definedName name="F_MA">#N/A</definedName>
    <definedName name="F_MA0">#N/A</definedName>
    <definedName name="F_MEMO">#N/A</definedName>
    <definedName name="F_PAGE">#N/A</definedName>
    <definedName name="F_QINC">[107]내역서!#REF!</definedName>
    <definedName name="F_QMOD">[107]내역서!#REF!</definedName>
    <definedName name="F_QQTY">[107]내역서!#REF!</definedName>
    <definedName name="F_QUNIT">[107]내역서!#REF!</definedName>
    <definedName name="F_QVAL">#N/A</definedName>
    <definedName name="F_REMK">#N/A</definedName>
    <definedName name="F_SEQ">#N/A</definedName>
    <definedName name="F_SIZE">[108]대비!#REF!</definedName>
    <definedName name="F_SOS">#N/A</definedName>
    <definedName name="F_TMOD">[107]내역서!#REF!</definedName>
    <definedName name="F_TQTY">#N/A</definedName>
    <definedName name="F_TUNIT">[107]내역서!#REF!</definedName>
    <definedName name="F_UNIT">[108]대비!#REF!</definedName>
    <definedName name="FBALJUC">#N/A</definedName>
    <definedName name="FDCOMP1">#N/A</definedName>
    <definedName name="FDCOMP2">#N/A</definedName>
    <definedName name="FDCOST">#N/A</definedName>
    <definedName name="fdvd">[109]입찰안!#REF!</definedName>
    <definedName name="FF">'[50]#REF!'!#REF!</definedName>
    <definedName name="fff">'[2]방배동내역(리라)'!$A$2:$IV$5</definedName>
    <definedName name="FG">'[100]#REF!'!$H$2</definedName>
    <definedName name="fgg">[2]현장경비!#REF!</definedName>
    <definedName name="fgjhghhf">[110]主材价格!$F$143</definedName>
    <definedName name="FGNNAME">#N/A</definedName>
    <definedName name="FHC">[111]材料单价表!$B$11</definedName>
    <definedName name="fid">[112]BID!$A$1:$M$631</definedName>
    <definedName name="FILLL" hidden="1">[41]eqpmad2!#REF!</definedName>
    <definedName name="FIPDATE">#N/A</definedName>
    <definedName name="FJCOST">#N/A</definedName>
    <definedName name="fl.bllg">[63]主材价格!#REF!</definedName>
    <definedName name="fl.dsmqf">[63]主材价格!#REF!</definedName>
    <definedName name="fl.dymqf">[63]主材价格!#REF!</definedName>
    <definedName name="fl.scmqf">[63]主材价格!#REF!</definedName>
    <definedName name="fl.ztpf">[63]主材价格!#REF!</definedName>
    <definedName name="FNCOST">#N/A</definedName>
    <definedName name="fpj">'[61]#REF!'!$B$16</definedName>
    <definedName name="FPRINO">#N/A</definedName>
    <definedName name="FRC">[113]Main!$C$9</definedName>
    <definedName name="fry" hidden="1">{#N/A,#N/A,FALSE,"估價單  (3)"}</definedName>
    <definedName name="FSCOST">#N/A</definedName>
    <definedName name="fsjt">'[61]#REF!'!$B$20</definedName>
    <definedName name="FSUYOCH">#N/A</definedName>
    <definedName name="ft">[96]材料单价!$D$18</definedName>
    <definedName name="FTAG">#N/A</definedName>
    <definedName name="FTGC">[17]雨棚!$F$22</definedName>
    <definedName name="FTGJ">[102]材料单价表!$B$22</definedName>
    <definedName name="FTLC">[114]材料单价表!$B$12</definedName>
    <definedName name="FTXC">[17]材料!$F$13</definedName>
    <definedName name="FYCOST">#N/A</definedName>
    <definedName name="g">'[2]방배동내역(리라)'!$A$6:$Q$951</definedName>
    <definedName name="g12128l">'[7]#REF!'!#REF!</definedName>
    <definedName name="G6126BL">[101]Sheet1!$B$8</definedName>
    <definedName name="g6126j52j6">'[7]#REF!'!#REF!</definedName>
    <definedName name="gb.bxgb">[91]主材价格!$B$26</definedName>
    <definedName name="gb.bxgw">[63]主材价格!#REF!</definedName>
    <definedName name="gb.dxgb">[63]主材价格!#REF!</definedName>
    <definedName name="gb.gb">[63]主材价格!#REF!</definedName>
    <definedName name="gb.jzx">[63]主材价格!#REF!</definedName>
    <definedName name="gb.jzx1">[63]主材价格!#REF!</definedName>
    <definedName name="gb.jzx10">[63]主材价格!#REF!</definedName>
    <definedName name="gb.jzx11">[63]主材价格!#REF!</definedName>
    <definedName name="gb.jzx12">[63]主材价格!#REF!</definedName>
    <definedName name="gb.jzx13">[63]主材价格!#REF!</definedName>
    <definedName name="gb.jzx14">[63]主材价格!#REF!</definedName>
    <definedName name="gb.jzx15">[63]主材价格!#REF!</definedName>
    <definedName name="gb.jzx16">[63]主材价格!#REF!</definedName>
    <definedName name="gb.jzx17">[63]主材价格!#REF!</definedName>
    <definedName name="gb.jzx18">[63]主材价格!#REF!</definedName>
    <definedName name="gb.jzx19">[63]主材价格!#REF!</definedName>
    <definedName name="gb.jzx2">[63]主材价格!#REF!</definedName>
    <definedName name="gb.jzx20">[63]主材价格!#REF!</definedName>
    <definedName name="gb.jzx21">[63]主材价格!#REF!</definedName>
    <definedName name="gb.jzx3">[63]主材价格!#REF!</definedName>
    <definedName name="gb.jzx4">[63]主材价格!#REF!</definedName>
    <definedName name="gb.jzx5">[63]主材价格!#REF!</definedName>
    <definedName name="gb.jzx6">[63]主材价格!#REF!</definedName>
    <definedName name="gb.jzx7">[63]主材价格!#REF!</definedName>
    <definedName name="gb.jzx8">[63]主材价格!#REF!</definedName>
    <definedName name="gb.jzx9">[63]主材价格!#REF!</definedName>
    <definedName name="gb.szljj">[63]主材价格!#REF!</definedName>
    <definedName name="gb.ztpf">[63]主材价格!#REF!</definedName>
    <definedName name="gbbl">'[7]#REF!'!$G$3</definedName>
    <definedName name="gbgc">'[7]#REF!'!$G$23</definedName>
    <definedName name="gbgrt">'[7]#REF!'!#REF!</definedName>
    <definedName name="gbhgy">'[7]#REF!'!#REF!</definedName>
    <definedName name="gbjgj">'[7]#REF!'!#REF!</definedName>
    <definedName name="gbjt">'[7]#REF!'!#REF!</definedName>
    <definedName name="gbl081206ja06">'[7]#REF!'!$C$13</definedName>
    <definedName name="gbl081208m">'[7]#REF!'!$C$5</definedName>
    <definedName name="gbl0812fw08">'[7]#REF!'!$C$4</definedName>
    <definedName name="gbl10126j14j6">'[7]#REF!'!#REF!</definedName>
    <definedName name="gbl10d">'[7]#REF!'!#REF!</definedName>
    <definedName name="gbl10ja10">'[7]#REF!'!$C$12</definedName>
    <definedName name="gbl121210l">'[7]#REF!'!#REF!</definedName>
    <definedName name="gbl12128l">'[7]#REF!'!#REF!</definedName>
    <definedName name="gbl595tm">'[7]#REF!'!#REF!</definedName>
    <definedName name="gbl6126j52j6">'[7]#REF!'!$C$11</definedName>
    <definedName name="gbl6126L">'[7]#REF!'!$C$14</definedName>
    <definedName name="gbl612fw6j14j6">'[7]#REF!'!#REF!</definedName>
    <definedName name="gbl6jia146">'[7]#REF!'!#REF!</definedName>
    <definedName name="gbl6jia14j6">'[7]#REF!'!#REF!</definedName>
    <definedName name="gbl8128cyl">'[7]#REF!'!$C$7</definedName>
    <definedName name="gbl8128fhl">'[7]#REF!'!$C$8</definedName>
    <definedName name="gbl8128l">'[7]#REF!'!$C$3</definedName>
    <definedName name="gblu">'[7]#REF!'!#REF!</definedName>
    <definedName name="gblv">'[7]#REF!'!$G$20</definedName>
    <definedName name="gblvdb">'[7]#REF!'!#REF!</definedName>
    <definedName name="gbnhj">'[7]#REF!'!#REF!</definedName>
    <definedName name="gbxgb0_4">'[7]#REF!'!#REF!</definedName>
    <definedName name="gbxgb1">'[7]#REF!'!#REF!</definedName>
    <definedName name="gbxgb1_2">'[7]#REF!'!#REF!</definedName>
    <definedName name="gbxgb1_5">'[7]#REF!'!#REF!</definedName>
    <definedName name="gbxggj">'[7]#REF!'!#REF!</definedName>
    <definedName name="gbxgw">'[7]#REF!'!#REF!</definedName>
    <definedName name="GC">'[61]#REF!'!$B$5</definedName>
    <definedName name="gcl">'[87]4'!$B$6:$G$9</definedName>
    <definedName name="GCLQD">'[115]#REF!'!$B$5:$G$30</definedName>
    <definedName name="gdxb">'[7]#REF!'!#REF!</definedName>
    <definedName name="gdxb1_5">'[7]#REF!'!#REF!</definedName>
    <definedName name="gdxb2">'[7]#REF!'!#REF!</definedName>
    <definedName name="gfgdfg" hidden="1">[116]차액보증!#REF!</definedName>
    <definedName name="gfhg">[110]主材价格!$E$129</definedName>
    <definedName name="gfjhff">[110]主材价格!$G$5</definedName>
    <definedName name="gfk">'[61]#REF!'!$B$17</definedName>
    <definedName name="gfs" hidden="1">{#N/A,#N/A,FALSE,"估價單  (3)"}</definedName>
    <definedName name="gfsh">'[7]#REF!'!#REF!</definedName>
    <definedName name="ggb">'[7]#REF!'!#REF!</definedName>
    <definedName name="ggbhw6">'[7]#REF!'!#REF!</definedName>
    <definedName name="ggbxg">'[7]#REF!'!#REF!</definedName>
    <definedName name="ggbxgby">'[7]#REF!'!#REF!</definedName>
    <definedName name="ggc">'[7]#REF!'!$C$23</definedName>
    <definedName name="ggcdx">'[7]#REF!'!$C$26</definedName>
    <definedName name="ggcftpt">'[7]#REF!'!$C$24</definedName>
    <definedName name="ggg">'[2]방배동내역(리라)'!$A$6:$Q$955</definedName>
    <definedName name="gggggggggggggggg">'[117]#REF!'!#REF!</definedName>
    <definedName name="ggrt">'[7]#REF!'!#REF!</definedName>
    <definedName name="ggwsb">'[7]#REF!'!#REF!</definedName>
    <definedName name="ggxc">'[7]#REF!'!$C$24</definedName>
    <definedName name="ghbl">'[61]#REF!'!$B$3</definedName>
    <definedName name="ghgy">'[7]#REF!'!#REF!</definedName>
    <definedName name="ghjnbm">[75]单价表!$B$5</definedName>
    <definedName name="gjgj">'[7]#REF!'!#REF!</definedName>
    <definedName name="gjlr">[118]单价!$D$3</definedName>
    <definedName name="gjsb">'[7]#REF!'!#REF!</definedName>
    <definedName name="gjsb50">'[7]#REF!'!#REF!</definedName>
    <definedName name="gjt">'[7]#REF!'!#REF!</definedName>
    <definedName name="GLCJ">[17]雨棚!$D$5</definedName>
    <definedName name="glf">'[7]#REF!'!#REF!</definedName>
    <definedName name="glsb">'[7]#REF!'!#REF!</definedName>
    <definedName name="glvdb">'[7]#REF!'!#REF!</definedName>
    <definedName name="glvfm">'[7]#REF!'!$C$20</definedName>
    <definedName name="glvft">'[7]#REF!'!$C$21</definedName>
    <definedName name="glvfw20">'[7]#REF!'!#REF!</definedName>
    <definedName name="glvyb">'[7]#REF!'!$C$22</definedName>
    <definedName name="gmdxb18">'[7]#REF!'!#REF!</definedName>
    <definedName name="gnhj">'[7]#REF!'!#REF!</definedName>
    <definedName name="gpk">'[7]#REF!'!#REF!</definedName>
    <definedName name="gsc">'[7]#REF!'!#REF!</definedName>
    <definedName name="gscsy">'[7]#REF!'!#REF!</definedName>
    <definedName name="gss">'[61]#REF!'!$B$5</definedName>
    <definedName name="gtxb">'[7]#REF!'!#REF!</definedName>
    <definedName name="gwood">'[7]#REF!'!#REF!</definedName>
    <definedName name="gxc">'[7]#REF!'!#REF!</definedName>
    <definedName name="gym">'[7]#REF!'!#REF!</definedName>
    <definedName name="h">'[2]방배동내역(리라)'!$A$6:$Q$951</definedName>
    <definedName name="haoi">'[119]3'!$B$6:$G$9</definedName>
    <definedName name="hbeam단중">[58]단중표!$AF$5</definedName>
    <definedName name="HDE_P8_G030">'[120]#REF!'!$B$5:$H$4292</definedName>
    <definedName name="HFLTL">[94]ANL!$I$17</definedName>
    <definedName name="hgg">'[2]방배동내역(리라)'!$A$2:$IV$5</definedName>
    <definedName name="hgj">[121]主材价格!$G$27</definedName>
    <definedName name="HH">[122]정부노임단가!$A$5:$F$215</definedName>
    <definedName name="hhh">'[2]방배동내역(리라)'!$A$6:$Q$955</definedName>
    <definedName name="hjh">'[2]방배동내역(리라)'!$A$6:$Q$951</definedName>
    <definedName name="hll">'[123]1#量统计'!#REF!</definedName>
    <definedName name="hostfee">'[57]Financ. Overview'!$H$12</definedName>
    <definedName name="hraiu_bottom">'[57]Financ. Overview'!#REF!</definedName>
    <definedName name="HTI">[58]단중표!$AF$29</definedName>
    <definedName name="HTML_CodePage" hidden="1">936</definedName>
    <definedName name="HTML_Description" hidden="1">""</definedName>
    <definedName name="HTML_Email" hidden="1">""</definedName>
    <definedName name="HTML_Header" hidden="1">""</definedName>
    <definedName name="HTML_LastUpdate" hidden="1">"01-5-24"</definedName>
    <definedName name="HTML_LineAfter" hidden="1">TRUE</definedName>
    <definedName name="HTML_LineBefore" hidden="1">TRUE</definedName>
    <definedName name="HTML_Name" hidden="1">"财务部部办"</definedName>
    <definedName name="HTML_OBDlg2" hidden="1">TRUE</definedName>
    <definedName name="HTML_OBDlg3" hidden="1">TRUE</definedName>
    <definedName name="HTML_OBDlg4" hidden="1">TRUE</definedName>
    <definedName name="HTML_OS" hidden="1">0</definedName>
    <definedName name="HTML_PathFile" hidden="1">"C:\My Documents\MyHTML001.htm"</definedName>
    <definedName name="HTML_PathTemplate" hidden="1">"C:\My Documents\网.htm"</definedName>
    <definedName name="HTML_Title" hidden="1">"2001zb"</definedName>
    <definedName name="huo">'[77]#REF!'!$D$1540</definedName>
    <definedName name="hvac">'[57]Financ. Overview'!#REF!</definedName>
    <definedName name="HWSheet">1</definedName>
    <definedName name="hx">[124]A!$L$3</definedName>
    <definedName name="h湿">'[125]基 础'!#REF!</definedName>
    <definedName name="II">[58]단중표!$AF$32</definedName>
    <definedName name="iii">'[126]#REF!'!$B$1:$W$72</definedName>
    <definedName name="ITNUM">[108]대비!#REF!</definedName>
    <definedName name="j">'[2]방배동내역(리라)'!$A$2:$IV$5</definedName>
    <definedName name="j.jgj">[62]主材价格!$B$130</definedName>
    <definedName name="j.nhj">[62]主材价格!$B$129</definedName>
    <definedName name="j.njj">[63]主材价格!$B$37</definedName>
    <definedName name="j.ysj">[63]主材价格!#REF!</definedName>
    <definedName name="J_S_P_용__믹서">[127]장비집계!#REF!</definedName>
    <definedName name="JASON">'[35]#REF!'!#REF!</definedName>
    <definedName name="jbl6126j52j6">'[7]#REF!'!#REF!</definedName>
    <definedName name="JCJ">[17]雨棚!$D$14</definedName>
    <definedName name="JGAZ">[128]A!#REF!</definedName>
    <definedName name="jgf">'[61]#REF!'!$B$22</definedName>
    <definedName name="jgj">[96]材料单价!$D$20</definedName>
    <definedName name="jgj.bjt">[63]主材价格!#REF!</definedName>
    <definedName name="jgj.bjz">[63]主材价格!#REF!</definedName>
    <definedName name="jgj.bxgzb">[63]主材价格!#REF!</definedName>
    <definedName name="jgj.dds">[63]主材价格!#REF!</definedName>
    <definedName name="jgj.dth">[63]主材价格!#REF!</definedName>
    <definedName name="jgj.gj">[63]主材价格!#REF!</definedName>
    <definedName name="jgj.hbmj">[63]主材价格!#REF!</definedName>
    <definedName name="jgj.hbzjj">[63]主材价格!#REF!</definedName>
    <definedName name="jgj.lg">[63]主材价格!#REF!</definedName>
    <definedName name="jgj.mfs">[63]主材价格!#REF!</definedName>
    <definedName name="jgj.mhy">[91]主材价格!$B$102</definedName>
    <definedName name="jgj.mj">[63]主材价格!#REF!</definedName>
    <definedName name="jgj.ms">[63]主材价格!#REF!</definedName>
    <definedName name="jgj.mzs">[91]主材价格!$B$103</definedName>
    <definedName name="jgj.tlzs">[63]主材价格!#REF!</definedName>
    <definedName name="jgj.zjj">[63]主材价格!#REF!</definedName>
    <definedName name="jgj.zsjl">[62]主材价格!$B$105</definedName>
    <definedName name="jgjmzsjl">[91]主材价格!$B$106</definedName>
    <definedName name="JH">[129]정부노임단가!$A$5:$F$215</definedName>
    <definedName name="jha">[130]改加胶玻璃、室外栏杆!$D$8</definedName>
    <definedName name="jhb">'[48]#REF!'!#REF!</definedName>
    <definedName name="jhh">'[2]방배동내역(리라)'!$A$2:$IV$5</definedName>
    <definedName name="JJ">[131]정부노임단가!$A$5:$F$215</definedName>
    <definedName name="jjjjjjjjjjjjjj">'[117]#REF!'!#REF!</definedName>
    <definedName name="jjjjjjjooooooo">'[117]#REF!'!#REF!</definedName>
    <definedName name="jklo">'[50]#REF!'!#REF!</definedName>
    <definedName name="jy">[132]일반공사!#REF!</definedName>
    <definedName name="k">'[2]방배동내역(리라)'!$A$2:$IV$5</definedName>
    <definedName name="KA">[133]MOTOR!$B$61:$E$68</definedName>
    <definedName name="kan">'[134]#REF!'!$D$1542</definedName>
    <definedName name="kg">'[61]#REF!'!$I$2</definedName>
    <definedName name="kkk">'[2]방배동내역(리라)'!$A$6:$Q$955</definedName>
    <definedName name="kt">'[61]#REF!'!$J$33</definedName>
    <definedName name="ku">'[50]#REF!'!#REF!</definedName>
    <definedName name="kuang">'[61]#REF!'!$F$33</definedName>
    <definedName name="kyb">'[2]방배동내역(리라)'!$A$2:$IV$5</definedName>
    <definedName name="l">[2]현장경비!#REF!</definedName>
    <definedName name="lap">[135]General!$B$2:$G$9</definedName>
    <definedName name="ldb">[63]主材价格!#REF!</definedName>
    <definedName name="ldb.1_5ft">[63]主材价格!#REF!</definedName>
    <definedName name="ldb.2ft">[92]主材价格!$C$35</definedName>
    <definedName name="ldb.3ft">[63]主材价格!#REF!</definedName>
    <definedName name="ldcwj">'[61]#REF!'!$B$8</definedName>
    <definedName name="lddwj">'[61]#REF!'!$B$10</definedName>
    <definedName name="ldwcwj">'[61]#REF!'!$B$14</definedName>
    <definedName name="LEE">[66]삼성전기!#REF!</definedName>
    <definedName name="ljj">[75]单价表!$B$13</definedName>
    <definedName name="ljl">'[2]방배동내역(리라)'!$A$2:$IV$5</definedName>
    <definedName name="ljwjj">'[7]#REF!'!#REF!</definedName>
    <definedName name="lk">'[136]21'!$A$1:$A$802</definedName>
    <definedName name="lkjj">'[136]21'!$A$1:$A$802</definedName>
    <definedName name="lkkj">'[136]21'!$B$1:$B$802</definedName>
    <definedName name="LL">#N/A</definedName>
    <definedName name="lllllllllllllllll">'[117]#REF!'!#REF!</definedName>
    <definedName name="lllllllllllllllllllllllll">'[117]#REF!'!#REF!</definedName>
    <definedName name="lo">'[136]21'!$B$1:$B$802</definedName>
    <definedName name="lr">'[7]#REF!'!#REF!</definedName>
    <definedName name="lrl">'[61]#REF!'!$I$3</definedName>
    <definedName name="lrr">[137]单价表!#REF!</definedName>
    <definedName name="lrv">'[61]#REF!'!$B:$B</definedName>
    <definedName name="LSB">'[61]#REF!'!$B$3</definedName>
    <definedName name="LW">'[61]#REF!'!$B$4</definedName>
    <definedName name="lxc">[75]单价表!$B$7</definedName>
    <definedName name="LZ">'[61]#REF!'!$B$7</definedName>
    <definedName name="L형옹벽">[86]일위대가!#REF!</definedName>
    <definedName name="M">#N/A</definedName>
    <definedName name="M1521_">[138]门窗!#REF!</definedName>
    <definedName name="M1521A">[139]门窗!#REF!</definedName>
    <definedName name="mc.grc">[91]主材价格!$B$65</definedName>
    <definedName name="mc.gsgb">[91]主材价格!$B$67</definedName>
    <definedName name="mc.jygebb">[91]主材价格!$B$76</definedName>
    <definedName name="mc.mdb">[63]主材价格!#REF!</definedName>
    <definedName name="mc.sc">[63]主材价格!#REF!</definedName>
    <definedName name="mc.sgb">[63]主材价格!#REF!</definedName>
    <definedName name="mc.sngb">[91]主材价格!$B$66</definedName>
    <definedName name="mc.xmgg">[63]主材价格!#REF!</definedName>
    <definedName name="mc.ygb">[63]主材价格!#REF!</definedName>
    <definedName name="mc.yklb">[91]主材价格!$B$68</definedName>
    <definedName name="mc.yklgs">[91]主材价格!$B$69</definedName>
    <definedName name="mc.yq">[63]主材价格!#REF!</definedName>
    <definedName name="mc.zsm">[63]主材价格!#REF!</definedName>
    <definedName name="MCAZ">[17]Sheet1!$B$9</definedName>
    <definedName name="MCJG">[17]Sheet1!$B$8</definedName>
    <definedName name="mdkl">[128]A!#REF!</definedName>
    <definedName name="Mech2">'[141]Cost bd-"A"'!#REF!</definedName>
    <definedName name="MENU1">[4]견적!#REF!</definedName>
    <definedName name="MENU2">[4]견적!#REF!</definedName>
    <definedName name="mfd">'[2]방배동내역(리라)'!$A$2:$IV$5</definedName>
    <definedName name="mfj">[75]单价表!$B$11</definedName>
    <definedName name="mj">[96]材料单价!$D$25</definedName>
    <definedName name="MK">'[61]#REF!'!$J$55</definedName>
    <definedName name="MKT">'[61]#REF!'!$N$55</definedName>
    <definedName name="mmm">'[2]방배동내역(리라)'!$A$6:$Q$951</definedName>
    <definedName name="MZT">'[61]#REF!'!$M$55</definedName>
    <definedName name="n1hj">'[7]#REF!'!$F$19</definedName>
    <definedName name="n2hj">'[7]#REF!'!$F$30</definedName>
    <definedName name="n3hj">'[7]#REF!'!$F$79</definedName>
    <definedName name="n4hj">'[7]#REF!'!$F$44</definedName>
    <definedName name="n5hj">'[7]#REF!'!$F$43</definedName>
    <definedName name="NAK">#N/A</definedName>
    <definedName name="nbl">'[7]#REF!'!$B$3</definedName>
    <definedName name="nblu">'[7]#REF!'!#REF!</definedName>
    <definedName name="nbxg">'[7]#REF!'!#REF!</definedName>
    <definedName name="nbxgb">'[7]#REF!'!#REF!</definedName>
    <definedName name="nbxgf">'[7]#REF!'!#REF!</definedName>
    <definedName name="nbxggj">'[7]#REF!'!#REF!</definedName>
    <definedName name="nbxgw">'[7]#REF!'!#REF!</definedName>
    <definedName name="ndth">'[7]#REF!'!#REF!</definedName>
    <definedName name="ndxb">'[7]#REF!'!#REF!</definedName>
    <definedName name="NEW">[4]견적!#REF!</definedName>
    <definedName name="nflqg">'[7]#REF!'!#REF!</definedName>
    <definedName name="nfsh">'[7]#REF!'!#REF!</definedName>
    <definedName name="ngb">'[7]#REF!'!#REF!</definedName>
    <definedName name="ngc">'[7]#REF!'!$B$23</definedName>
    <definedName name="ngfg">'[7]#REF!'!$B$25</definedName>
    <definedName name="ngjbs">[70]主材价格!$B$50</definedName>
    <definedName name="NGK" hidden="1">{#N/A,#N/A,FALSE,"估價單  (3)"}</definedName>
    <definedName name="ngrt">'[7]#REF!'!#REF!</definedName>
    <definedName name="ngxc">'[7]#REF!'!$B$24</definedName>
    <definedName name="nhgy">'[7]#REF!'!#REF!</definedName>
    <definedName name="nhj">[96]材料单价!$D$19</definedName>
    <definedName name="NI">[142]노임!$A$1:$B$65536</definedName>
    <definedName name="njgj">'[7]#REF!'!#REF!</definedName>
    <definedName name="njsb">'[7]#REF!'!#REF!</definedName>
    <definedName name="njt">'[7]#REF!'!#REF!</definedName>
    <definedName name="NKC">[16]材料!$F$34</definedName>
    <definedName name="nlfw">'[7]#REF!'!#REF!</definedName>
    <definedName name="nlr">'[7]#REF!'!#REF!</definedName>
    <definedName name="nlsb">'[7]#REF!'!#REF!</definedName>
    <definedName name="nlv">'[7]#REF!'!$B$20</definedName>
    <definedName name="nlvdb">'[7]#REF!'!#REF!</definedName>
    <definedName name="nlvfw">'[7]#REF!'!#REF!</definedName>
    <definedName name="nmdxb">'[7]#REF!'!#REF!</definedName>
    <definedName name="nmenj">'[7]#REF!'!#REF!</definedName>
    <definedName name="nnhj">'[7]#REF!'!#REF!</definedName>
    <definedName name="nnn">'[2]방배동내역(리라)'!$A$6:$Q$955</definedName>
    <definedName name="NOIM">[142]노임!$A$1:$B$17</definedName>
    <definedName name="npk">'[7]#REF!'!#REF!</definedName>
    <definedName name="npkm">'[7]#REF!'!#REF!</definedName>
    <definedName name="nsc">'[7]#REF!'!#REF!</definedName>
    <definedName name="nscsy">'[7]#REF!'!#REF!</definedName>
    <definedName name="nshj">'[7]#REF!'!#REF!</definedName>
    <definedName name="nsx">'[7]#REF!'!#REF!</definedName>
    <definedName name="ntl">'[7]#REF!'!#REF!</definedName>
    <definedName name="ntxb">'[7]#REF!'!#REF!</definedName>
    <definedName name="nwood">'[7]#REF!'!#REF!</definedName>
    <definedName name="nym">'[7]#REF!'!#REF!</definedName>
    <definedName name="nyn">'[2]방배동내역(리라)'!$A$2:$IV$5</definedName>
    <definedName name="one">'[143]#REF!'!$A:$A</definedName>
    <definedName name="OO">#N/A</definedName>
    <definedName name="OOO2CIVIL" hidden="1">[66]주식!#REF!</definedName>
    <definedName name="OOOOOOOOOOO">'[39]#REF!'!$D$1542</definedName>
    <definedName name="oooooooooooooooooo">'[117]#REF!'!#REF!</definedName>
    <definedName name="oooooooooooooooooooo">'[117]#REF!'!#REF!</definedName>
    <definedName name="OS">[144]Open!#REF!</definedName>
    <definedName name="Out_of_Scope">'[145]Project Brief'!#REF!</definedName>
    <definedName name="P">#N/A</definedName>
    <definedName name="P12B">[67]变量单!#REF!</definedName>
    <definedName name="P6126B">[67]变量单!$C$5</definedName>
    <definedName name="pc">'[2]방배동내역(리라)'!$A$6:$Q$955</definedName>
    <definedName name="PE100C">[74]단가!#REF!</definedName>
    <definedName name="PE16C">[74]단가!#REF!</definedName>
    <definedName name="PE22C">[74]단가!#REF!</definedName>
    <definedName name="PE28C">[74]단가!#REF!</definedName>
    <definedName name="PE36C">[74]단가!#REF!</definedName>
    <definedName name="PE42C">[74]단가!#REF!</definedName>
    <definedName name="PE54C">[74]단가!#REF!</definedName>
    <definedName name="PI">[58]단중표!$AF$23</definedName>
    <definedName name="PJT">#N/A</definedName>
    <definedName name="PLATE">[58]단중표!#REF!</definedName>
    <definedName name="PLATE중량">[58]단중표!#REF!</definedName>
    <definedName name="PN">[146]summary!$A$1</definedName>
    <definedName name="pr_toolbox">[57]Toolbox!$A$3:$I$80</definedName>
    <definedName name="print_title">[147]충주!#REF!</definedName>
    <definedName name="Prix_SMC">'[148]封面 (3)'!Prix_SMC</definedName>
    <definedName name="PSI">'[69]#REF!'!$D$1542</definedName>
    <definedName name="Q">'[50]#REF!'!#REF!</definedName>
    <definedName name="QA" hidden="1">{#N/A,#N/A,FALSE,"전력간선"}</definedName>
    <definedName name="QKQH">[21]내역!#REF!,[21]내역!#REF!,[21]내역!#REF!,[21]내역!#REF!</definedName>
    <definedName name="qor" hidden="1">[149]실행철강하도!$A$1:$A$4</definedName>
    <definedName name="qq" hidden="1">{#N/A,#N/A,FALSE,"단가표지"}</definedName>
    <definedName name="QQQQQQQ">'[69]#REF!'!$D$1542</definedName>
    <definedName name="QTY">#N/A</definedName>
    <definedName name="qw" hidden="1">{#N/A,#N/A,FALSE,"단가표지"}</definedName>
    <definedName name="R_">'[66]Sheet1 (2)'!#REF!</definedName>
    <definedName name="RA">'[150]Bill-2.1（1）'!$O$5</definedName>
    <definedName name="REM">#N/A</definedName>
    <definedName name="RGF">[17]Sheet1!$B$6</definedName>
    <definedName name="rladudqo">'[2]방배동내역(리라)'!$A$6:$Q$955</definedName>
    <definedName name="ROCK_AUGER">[127]장비집계!#REF!</definedName>
    <definedName name="RR">'[15]2000전체분'!#REF!</definedName>
    <definedName name="rtashtrj">'[56]#REF!'!$D$1542</definedName>
    <definedName name="RVVP_2X1.5mm">'[35]#REF!'!#REF!</definedName>
    <definedName name="s_c_list">[151]Toolbox!$A$7:$H$969</definedName>
    <definedName name="SAAT">[94]ANL!$I$50</definedName>
    <definedName name="sanxin">'[152]#REF!'!#REF!</definedName>
    <definedName name="sanxin1">'[152]#REF!'!#REF!</definedName>
    <definedName name="SCG">'[153]G.1R-Shou COP Gf'!#REF!</definedName>
    <definedName name="sdcwj">[124]单价表!#REF!</definedName>
    <definedName name="sddcwj">'[61]#REF!'!$B$11</definedName>
    <definedName name="sddwj">'[61]#REF!'!$B$12</definedName>
    <definedName name="sdlfee">'[57]Financ. Overview'!$H$13</definedName>
    <definedName name="sdswj">'[61]#REF!'!$B$13</definedName>
    <definedName name="sdwj">'[61]#REF!'!$B$13</definedName>
    <definedName name="SELECT">#N/A</definedName>
    <definedName name="shan">'[61]#REF!'!$H$33</definedName>
    <definedName name="shj">'[7]#REF!'!#REF!</definedName>
    <definedName name="sj">'[61]#REF!'!$I$4</definedName>
    <definedName name="sjf">'[7]#REF!'!#REF!</definedName>
    <definedName name="sjfl">'[7]#REF!'!#REF!</definedName>
    <definedName name="SKM">[17]材料!$F$30</definedName>
    <definedName name="sl">[96]材料单价!$D$29</definedName>
    <definedName name="sll">'[123]1#量统计'!#REF!</definedName>
    <definedName name="sn">'[7]#REF!'!#REF!</definedName>
    <definedName name="solar_ratio">'[154]POWER ASSUMPTIONS'!$H$7</definedName>
    <definedName name="SORTCODE">#N/A</definedName>
    <definedName name="ss7fee">'[57]Financ. Overview'!$H$18</definedName>
    <definedName name="ssj">'[61]#REF!'!$BJ$2</definedName>
    <definedName name="sss" hidden="1">{#N/A,#N/A,FALSE,"전력간선"}</definedName>
    <definedName name="sssss" hidden="1">{#N/A,#N/A,FALSE,"전력간선"}</definedName>
    <definedName name="SSSSSSS">'[50]#REF!'!#REF!</definedName>
    <definedName name="ssz">[102]材料单价表!$B$31</definedName>
    <definedName name="START">[4]견적!#REF!</definedName>
    <definedName name="subsfee">'[57]Financ. Overview'!$H$14</definedName>
    <definedName name="sung">#N/A</definedName>
    <definedName name="SUYO">#N/A</definedName>
    <definedName name="sxc">[96]材料单价!$D$17</definedName>
    <definedName name="sxwj">[96]材料单价!$D$33</definedName>
    <definedName name="sybl">[96]材料单价!$D$2</definedName>
    <definedName name="syyb">'[61]#REF!'!$B$6</definedName>
    <definedName name="sz">[102]材料单价表!$B$30</definedName>
    <definedName name="t">'[2]방배동내역(리라)'!$A$6:$Q$955</definedName>
    <definedName name="T_AMOUNT">[108]대비!#REF!</definedName>
    <definedName name="T_UPRICE">[108]대비!#REF!</definedName>
    <definedName name="test">'[155]J100'!#REF!</definedName>
    <definedName name="test1">[156]MAIN!#REF!</definedName>
    <definedName name="TGJ">[101]Sheet1!$B$20</definedName>
    <definedName name="tjb.bhjd">[63]主材价格!#REF!</definedName>
    <definedName name="tjb.grt">[63]主材价格!#REF!</definedName>
    <definedName name="tjb.jsbb">[91]主材价格!$B$122</definedName>
    <definedName name="tjb.mfjt">[62]主材价格!$B$121</definedName>
    <definedName name="tjb.ym">[63]主材价格!#REF!</definedName>
    <definedName name="TOO">#N/A</definedName>
    <definedName name="toolbox">[157]Toolbox!$C$5:$T$1578</definedName>
    <definedName name="TP5125LG">[16]材料!$F$8</definedName>
    <definedName name="TP61146D">[17]雨棚!$F$9</definedName>
    <definedName name="TP6126L">[17]材料!$F$7</definedName>
    <definedName name="tttt">'[117]#REF!'!#REF!</definedName>
    <definedName name="U">'[50]#REF!'!#REF!</definedName>
    <definedName name="USD">[94]ANL!$I$13</definedName>
    <definedName name="uuu">'[2]방배동내역(리라)'!$A$2:$IV$5</definedName>
    <definedName name="UUUU">[158]含量!#REF!</definedName>
    <definedName name="uuuuu">'[126]#REF!'!$A$1:$Y$120</definedName>
    <definedName name="uuuuuuuuu">'[117]#REF!'!#REF!</definedName>
    <definedName name="uuuuuuuuuoooooooooo">'[117]#REF!'!#REF!</definedName>
    <definedName name="uuuuuuuuuuuuuuuuuuuuuuuuuuuuuuuuuuu">'[117]#REF!'!#REF!</definedName>
    <definedName name="uuuuuuyyyyy">'[117]#REF!'!#REF!</definedName>
    <definedName name="U형측구단위수량">[159]토공집계표!$D$16253</definedName>
    <definedName name="V">'[50]#REF!'!#REF!</definedName>
    <definedName name="V5.1Fee">'[57]Financ. Overview'!$H$15</definedName>
    <definedName name="vfdsvfv">[109]입찰안!#REF!</definedName>
    <definedName name="wdjsb">'[7]#REF!'!#REF!</definedName>
    <definedName name="we">'[160]#REF!'!$A$2:$C$18</definedName>
    <definedName name="WI">[58]단중표!$AF$35</definedName>
    <definedName name="WJCJ">[16]材料!$D$33</definedName>
    <definedName name="wm.조골재1" hidden="1">{#N/A,#N/A,FALSE,"조골재"}</definedName>
    <definedName name="wrn.2번." hidden="1">{#N/A,#N/A,FALSE,"2~8번"}</definedName>
    <definedName name="wrn.TEST." hidden="1">{#N/A,#N/A,FALSE,"估價單  (3)"}</definedName>
    <definedName name="wrn.골재소요량." hidden="1">{#N/A,#N/A,FALSE,"골재소요량";#N/A,#N/A,FALSE,"골재소요량"}</definedName>
    <definedName name="wrn.교육청." hidden="1">{#N/A,#N/A,FALSE,"전력간선"}</definedName>
    <definedName name="wrn.구조2." hidden="1">{#N/A,#N/A,FALSE,"구조2"}</definedName>
    <definedName name="wrn.단가표지." hidden="1">{#N/A,#N/A,FALSE,"단가표지"}</definedName>
    <definedName name="wrn.배수1." hidden="1">{#N/A,#N/A,FALSE,"배수1"}</definedName>
    <definedName name="wrn.배수2." hidden="1">{#N/A,#N/A,FALSE,"배수2"}</definedName>
    <definedName name="wrn.부대1." hidden="1">{#N/A,#N/A,FALSE,"부대1"}</definedName>
    <definedName name="wrn.부대2." hidden="1">{#N/A,#N/A,FALSE,"부대2"}</definedName>
    <definedName name="wrn.속도." hidden="1">{#N/A,#N/A,FALSE,"속도"}</definedName>
    <definedName name="wrn.운반시간." hidden="1">{#N/A,#N/A,FALSE,"운반시간"}</definedName>
    <definedName name="wrn.이정표." hidden="1">{#N/A,#N/A,FALSE,"이정표"}</definedName>
    <definedName name="wrn.조골재." hidden="1">{#N/A,#N/A,FALSE,"조골재"}</definedName>
    <definedName name="wrn.철골집계표._.5칸." hidden="1">{#N/A,#N/A,FALSE,"Sheet1"}</definedName>
    <definedName name="wrn.토공1." hidden="1">{#N/A,#N/A,FALSE,"구조1"}</definedName>
    <definedName name="wrn.토공2." hidden="1">{#N/A,#N/A,FALSE,"토공2"}</definedName>
    <definedName name="wrn.포장1." hidden="1">{#N/A,#N/A,FALSE,"포장1";#N/A,#N/A,FALSE,"포장1"}</definedName>
    <definedName name="wrn.포장2." hidden="1">{#N/A,#N/A,FALSE,"포장2"}</definedName>
    <definedName name="wrn.표지목차." hidden="1">{#N/A,#N/A,FALSE,"표지목차"}</definedName>
    <definedName name="wrn.혼합골재." hidden="1">{#N/A,#N/A,FALSE,"혼합골재"}</definedName>
    <definedName name="wsb">'[7]#REF!'!#REF!</definedName>
    <definedName name="x">[161]改加胶玻璃、室外栏杆!$D$8</definedName>
    <definedName name="xc.bxgb">[63]主材价格!#REF!</definedName>
    <definedName name="xc.bxgs">[63]主材价格!#REF!</definedName>
    <definedName name="xc.dgj">[63]主材价格!#REF!</definedName>
    <definedName name="xc.gbbxg">[63]主材价格!#REF!</definedName>
    <definedName name="xc.gfg">[63]主材价格!#REF!</definedName>
    <definedName name="xc.gxc">[62]主材价格!$B$83</definedName>
    <definedName name="xc.lxc">[62]主材价格!$B$80</definedName>
    <definedName name="xc.st1gb">[63]主材价格!#REF!</definedName>
    <definedName name="xc.ygg">[63]主材价格!#REF!</definedName>
    <definedName name="XCCJ">[17]材料!$D$11</definedName>
    <definedName name="xcjf">'[7]#REF!'!#REF!</definedName>
    <definedName name="xcjfl">'[7]#REF!'!#REF!</definedName>
    <definedName name="xh.cx.qglg">[63]主材价格!#REF!</definedName>
    <definedName name="xh.gb.bxgb.1_5y">[91]主材价格!$C$27</definedName>
    <definedName name="xh.gb.bxgb.2">[91]主材价格!$C$26</definedName>
    <definedName name="xh.gb.bxgb1_2">[91]主材价格!$C$30</definedName>
    <definedName name="xh.gb.bxgb1_5j">[91]主材价格!$C$28</definedName>
    <definedName name="xh.gb.bxgb1_5ya">[63]主材价格!#REF!</definedName>
    <definedName name="xh.gb.bxgb50.3">[91]主材价格!$C$32</definedName>
    <definedName name="xh.gb.bxgb8022">[63]主材价格!#REF!</definedName>
    <definedName name="xh.gb.bxgw">[63]主材价格!#REF!</definedName>
    <definedName name="xh.gb.dxgb1_2">[63]主材价格!#REF!</definedName>
    <definedName name="xh.gb.dxgb1_5">[63]主材价格!#REF!</definedName>
    <definedName name="xh.gb.gb5_50">[63]主材价格!#REF!</definedName>
    <definedName name="xh.gb.jzx">[63]主材价格!#REF!</definedName>
    <definedName name="xh.gb.jzx1">[63]主材价格!#REF!</definedName>
    <definedName name="xh.gb.jzx10">[63]主材价格!#REF!</definedName>
    <definedName name="xh.gb.jzx11">[63]主材价格!#REF!</definedName>
    <definedName name="xh.gb.jzx12">[63]主材价格!#REF!</definedName>
    <definedName name="xh.gb.jzx13">[63]主材价格!#REF!</definedName>
    <definedName name="xh.gb.jzx14">[63]主材价格!#REF!</definedName>
    <definedName name="xh.gb.jzx15">[63]主材价格!#REF!</definedName>
    <definedName name="xh.gb.jzx16">[63]主材价格!#REF!</definedName>
    <definedName name="xh.gb.jzx17">[63]主材价格!#REF!</definedName>
    <definedName name="xh.gb.jzx18">[63]主材价格!#REF!</definedName>
    <definedName name="xh.gb.jzx19">[63]主材价格!#REF!</definedName>
    <definedName name="xh.gb.jzx2">[63]主材价格!#REF!</definedName>
    <definedName name="xh.gb.jzx20">[63]主材价格!#REF!</definedName>
    <definedName name="xh.gb.jzx21">[63]主材价格!#REF!</definedName>
    <definedName name="xh.gb.jzx3">[63]主材价格!#REF!</definedName>
    <definedName name="xh.gb.jzx4">[63]主材价格!#REF!</definedName>
    <definedName name="xh.gb.jzx5">[63]主材价格!#REF!</definedName>
    <definedName name="xh.gb.jzx6">[63]主材价格!#REF!</definedName>
    <definedName name="xh.gb.jzx7">[63]主材价格!#REF!</definedName>
    <definedName name="xh.gb.jzx8">[63]主材价格!#REF!</definedName>
    <definedName name="xh.gb.jzx9">[63]主材价格!#REF!</definedName>
    <definedName name="xh.gb.szljj">[63]主材价格!#REF!</definedName>
    <definedName name="xh.gb.ztpf25">[63]主材价格!#REF!</definedName>
    <definedName name="xh.gh.szljj">[162]主材价格!#REF!</definedName>
    <definedName name="xh.j.jgj.gt">[62]主材价格!$C$130</definedName>
    <definedName name="xh.j.nhj591">[62]主材价格!$C$129</definedName>
    <definedName name="xh.j.njj">[63]主材价格!$C$37</definedName>
    <definedName name="xh.j.ysj">[63]主材价格!#REF!</definedName>
    <definedName name="xh.jgj.bjt.t02d">[63]主材价格!#REF!</definedName>
    <definedName name="xh.jgj.bjz.2z">[63]主材价格!#REF!</definedName>
    <definedName name="xh.jgj.bjz.4z">[63]主材价格!#REF!</definedName>
    <definedName name="xh.jgj.bjz.dz">[63]主材价格!#REF!</definedName>
    <definedName name="xh.jgj.bxgzb">[63]主材价格!#REF!</definedName>
    <definedName name="xh.jgj.dds">[63]主材价格!#REF!</definedName>
    <definedName name="xh.jgj.dth">[63]主材价格!#REF!</definedName>
    <definedName name="xh.jgj.gj">[63]主材价格!#REF!</definedName>
    <definedName name="xh.jgj.hbmj">[63]主材价格!#REF!</definedName>
    <definedName name="xh.jgj.hbzjj">[63]主材价格!#REF!</definedName>
    <definedName name="xh.jgj.lg76">[63]主材价格!#REF!</definedName>
    <definedName name="xh.jgj.mfs">[63]主材价格!#REF!</definedName>
    <definedName name="xh.jgj.mhy">[63]主材价格!#REF!</definedName>
    <definedName name="xh.jgj.mj">[63]主材价格!#REF!</definedName>
    <definedName name="xh.jgj.ms">[63]主材价格!#REF!</definedName>
    <definedName name="xh.jgj.mzs">[63]主材价格!#REF!</definedName>
    <definedName name="xh.jgj.tlzs">[63]主材价格!#REF!</definedName>
    <definedName name="xh.jgj.zjj.z01j">[63]主材价格!#REF!</definedName>
    <definedName name="xh.jgj.zsjl">[63]主材价格!#REF!</definedName>
    <definedName name="xh.jgjmzsjl">[63]主材价格!#REF!</definedName>
    <definedName name="xh.mc.grc">[63]主材价格!#REF!</definedName>
    <definedName name="xh.mc.gsgb2_10">[91]主材价格!$C$67</definedName>
    <definedName name="xh.mc.jygebb">[63]主材价格!#REF!</definedName>
    <definedName name="xh.mc.mdb">[63]主材价格!#REF!</definedName>
    <definedName name="xh.mc.sc25">[63]主材价格!#REF!</definedName>
    <definedName name="xh.mc.sc35">[63]主材价格!#REF!</definedName>
    <definedName name="xh.mc.sgb">[63]主材价格!#REF!</definedName>
    <definedName name="xh.mc.sngb50">[91]主材价格!$C$66</definedName>
    <definedName name="xh.mc.xmgg15">[63]主材价格!#REF!</definedName>
    <definedName name="xh.mc.ygb24">[63]主材价格!#REF!</definedName>
    <definedName name="xh.mc.yklb">[63]主材价格!#REF!</definedName>
    <definedName name="xh.mc.yklgs">[63]主材价格!#REF!</definedName>
    <definedName name="xh.mc.yq">[63]主材价格!#REF!</definedName>
    <definedName name="xh.mc.zsm">[63]主材价格!#REF!</definedName>
    <definedName name="xh.tjb.bhjd">[63]主材价格!#REF!</definedName>
    <definedName name="xh.tjb.grt.pa66">[63]主材价格!#REF!</definedName>
    <definedName name="xh.tjb.jsbb.50">[91]主材价格!$C$122</definedName>
    <definedName name="xh.tjb.mfjt.syyb">[62]主材价格!$C$121</definedName>
    <definedName name="xh.tjb.ym100">[63]主材价格!#REF!</definedName>
    <definedName name="xh.tjb.ym50">[63]主材价格!#REF!</definedName>
    <definedName name="xh.tjb.ym80">[93]主材价格!$C$70</definedName>
    <definedName name="xh.xc.bxgb25">[63]主材价格!#REF!</definedName>
    <definedName name="xh.xc.bxgb35">[62]主材价格!$C$88</definedName>
    <definedName name="xh.xc.bxgs14">[63]主材价格!#REF!</definedName>
    <definedName name="xh.xc.dgj">[63]主材价格!#REF!</definedName>
    <definedName name="xh.xc.gbbxg">[91]主材价格!$C$92</definedName>
    <definedName name="xh.xc.gbbxg_pt">[63]主材价格!#REF!</definedName>
    <definedName name="xh.xc.gfg150">[63]主材价格!#REF!</definedName>
    <definedName name="xh.xc.gfgft">[63]主材价格!#REF!</definedName>
    <definedName name="xh.xc.gxcdx">[62]主材价格!$C$83</definedName>
    <definedName name="xh.xc.lxcft">[62]主材价格!$C$80</definedName>
    <definedName name="xh.xc.lxcyh">[63]主材价格!#REF!</definedName>
    <definedName name="xh.xc.st1gb30">[63]主材价格!#REF!</definedName>
    <definedName name="xh.xc.ygg30.2_5">[63]主材价格!#REF!</definedName>
    <definedName name="xh.xc.ygg35">[62]主材价格!$F$88</definedName>
    <definedName name="xh.xh.xc.gxcft">[63]主材价格!#REF!</definedName>
    <definedName name="XLRPARAMS_DWGC" hidden="1">[163]XLR_NoRangeSheet!$D$6</definedName>
    <definedName name="XLRPARAMS_DWGCMC" hidden="1">[164]XLR_NoRangeSheet!$C$6</definedName>
    <definedName name="XLRPARAMS_GCMC" hidden="1">[165]XLR_NoRangeSheet!$B$6</definedName>
    <definedName name="XLRPARAMS_HJ" hidden="1">[163]XLR_NoRangeSheet!$E$6</definedName>
    <definedName name="XLRPARAMS_JSDW" hidden="1">[166]XLR_NoRangeSheet!$B$6</definedName>
    <definedName name="XLRPARAMS_JXHJ" hidden="1">[163]XLR_NoRangeSheet!$G$6</definedName>
    <definedName name="XLRPARAMS_RGHJ" hidden="1">[163]XLR_NoRangeSheet!$F$6</definedName>
    <definedName name="XLRPARAMS_TBZJ" hidden="1">[166]XLR_NoRangeSheet!$D$6</definedName>
    <definedName name="XLRPARAMS_TBZJDX" hidden="1">[166]XLR_NoRangeSheet!$E$6</definedName>
    <definedName name="XLRPARAMS_TotalBigWord" hidden="1">[167]XLR_NoRangeSheet!$E$6</definedName>
    <definedName name="XLRPARAMS_ZJGCS" hidden="1">[166]XLR_NoRangeSheet!$H$6</definedName>
    <definedName name="XLRPARAMS_ZZJ" hidden="1">[168]XLR_NoRangeSheet!$C$6</definedName>
    <definedName name="xo">'[169]#REF!'!#REF!</definedName>
    <definedName name="XSG">[101]Sheet1!$B$10</definedName>
    <definedName name="XSS">[101]Sheet1!$B$11</definedName>
    <definedName name="XT">[170]系统材料!$A:$G</definedName>
    <definedName name="XXXX">[49]입찰안!$P$3</definedName>
    <definedName name="XYS">'[61]#REF!'!$B$1</definedName>
    <definedName name="Y">'[50]#REF!'!#REF!</definedName>
    <definedName name="YE">#N/A</definedName>
    <definedName name="YEKA">#N/A</definedName>
    <definedName name="yhl">'[61]#REF!'!$H$4</definedName>
    <definedName name="yhxc">[96]材料单价!$D$16</definedName>
    <definedName name="ykq">'[61]#REF!'!$L$4</definedName>
    <definedName name="YMJ">[101]Sheet1!$B$23</definedName>
    <definedName name="ysf">'[61]#REF!'!$B$24</definedName>
    <definedName name="YSFF">'[61]#REF!'!$BF$2</definedName>
    <definedName name="ysgf">'[61]#REF!'!$BF$2</definedName>
    <definedName name="ysj">'[7]#REF!'!#REF!</definedName>
    <definedName name="ysl">'[61]#REF!'!$F$4</definedName>
    <definedName name="yuio">'[50]#REF!'!#REF!</definedName>
    <definedName name="YY">'[39]#REF!'!$D$1542</definedName>
    <definedName name="YYY">'[66]Sheet1 (2)'!#REF!</definedName>
    <definedName name="yyyyyyrrrrrrrrrrrrr" hidden="1">{#N/A,#N/A,FALSE,"估價單  (3)"}</definedName>
    <definedName name="yyyyyyyyyyyyyyyyyyy">'[117]#REF!'!#REF!</definedName>
    <definedName name="yyyyyyyyyyyyyyyyyyyyyyy" hidden="1">{#N/A,#N/A,FALSE,"估價單  (3)"}</definedName>
    <definedName name="Z_079D4DF8_3B47_491F_90E1_093B255B97EA_.wvu.FilterData" hidden="1">'[171]清单1-裙楼Ea'!#REF!</definedName>
    <definedName name="Z_446CED5D_F5B7_4C38_B91B_BF93DCFBF835_.wvu.FilterData" hidden="1">'[171]清单1-裙楼Ea'!#REF!</definedName>
    <definedName name="Z_76A6E4D7_387A_4611_9DCE_1F690CB6C0DA_.wvu.FilterData" hidden="1">'[171]清单1-裙楼Ea'!#REF!</definedName>
    <definedName name="Z_76A6E4D7_387A_4611_9DCE_1F690CB6C0DA_.wvu.PrintArea" hidden="1">'[171]清单1-裙楼Ea'!#REF!</definedName>
    <definedName name="Z32_Cost_red">'[57]Financ. Overview'!#REF!</definedName>
    <definedName name="za" hidden="1">[172]실행철강하도!$A$1:$A$4</definedName>
    <definedName name="zbglf">'[61]#REF!'!$BK$2</definedName>
    <definedName name="zbglf1">'[61]#REF!'!$BK$2</definedName>
    <definedName name="ZJ">'[61]#REF!'!$L$55</definedName>
    <definedName name="zjj">'[7]#REF!'!#REF!</definedName>
    <definedName name="zk">'[35]#REF!'!#REF!</definedName>
    <definedName name="zkbl">'[61]#REF!'!$B$2</definedName>
    <definedName name="zonghe">'[173]6'!$S$4</definedName>
    <definedName name="zt">'[61]#REF!'!$I$33</definedName>
    <definedName name="zxd">'[174]#REF!'!$A$7:$D$18</definedName>
    <definedName name="阿">'[48]#REF!'!#REF!</definedName>
    <definedName name="爱爱爱">'[50]#REF!'!#REF!</definedName>
    <definedName name="갑지">#N/A</definedName>
    <definedName name="강릉정렬">[175]일위대가!$Q$2:$Q$10</definedName>
    <definedName name="暗插销安装单价">'[100]#REF!'!$G$14</definedName>
    <definedName name="暗插销单价">'[100]#REF!'!$F$14</definedName>
    <definedName name="八">'[176]8'!$B$6:$G$9</definedName>
    <definedName name="板厚">'[177]#REF!'!$L$2</definedName>
    <definedName name="건물별분석">[178]골조시행!#REF!</definedName>
    <definedName name="报价汇总">'[179]#REF!'!$D$1542</definedName>
    <definedName name="北京中远广田装饰工程有限公司">'[180]#REF!'!#REF!</definedName>
    <definedName name="闭门器安装单价">'[100]#REF!'!$G$11</definedName>
    <definedName name="闭门器单价">'[100]#REF!'!$F$11</definedName>
    <definedName name="编码">'[100]#REF!'!$E:$E</definedName>
    <definedName name="标准">'[24]#REF!'!$D$1542</definedName>
    <definedName name="경">[181]실행대비!$A$2:$J$1460</definedName>
    <definedName name="고_압_호_스">[127]장비집계!#REF!</definedName>
    <definedName name="丙门单价">'[100]#REF!'!$F$7</definedName>
    <definedName name="공_기_압_축_기">[127]장비집계!#REF!</definedName>
    <definedName name="공기">[182]현장경비!#REF!</definedName>
    <definedName name="공기_압축기">[127]장비집계!#REF!</definedName>
    <definedName name="공기_압축기__주간">[127]장비집계!#REF!</definedName>
    <definedName name="공내역">[183]청천내!#REF!</definedName>
    <definedName name="공사개요">[184]database!$B$2:$AW$23</definedName>
    <definedName name="공사분석">[178]골조시행!#REF!</definedName>
    <definedName name="공사비집계표">[2]현장경비!#REF!</definedName>
    <definedName name="공압축3.5간재">'[185]기계경비(시간당)'!$H$248</definedName>
    <definedName name="공압축3.5노무">'[185]기계경비(시간당)'!$H$244</definedName>
    <definedName name="공압축3.5노무야간">'[185]기계경비(시간당)'!$H$245</definedName>
    <definedName name="공압축3.5손료">'[185]기계경비(시간당)'!$H$243</definedName>
    <definedName name="공압축7.1간재">'[185]기계경비(시간당)'!$H$256</definedName>
    <definedName name="공압축7.1노무">'[185]기계경비(시간당)'!$H$252</definedName>
    <definedName name="공압축7.1노무야간">'[185]기계경비(시간당)'!$H$253</definedName>
    <definedName name="공압축7.1손료">'[185]기계경비(시간당)'!$H$251</definedName>
    <definedName name="관리">'[2]방배동내역(리라)'!$A$6:$Q$951</definedName>
    <definedName name="步子">'[87]1'!$B$6:$G$13</definedName>
    <definedName name="材料">'[186]#REF!'!$D$1542</definedName>
    <definedName name="材料表">'[87]3'!$B$6:$G$9</definedName>
    <definedName name="材料代号">[187]过渡数据表!$A$1:$A$16</definedName>
    <definedName name="材料单价">'[100]#REF!'!$P$2</definedName>
    <definedName name="材料量">SUMIF(INDIRECT('[188]#REF!'!A$3&amp;"!$B$2:$B$40"),'[188]#REF!'!$C1,INDIRECT('[188]#REF!'!A$3&amp;"!$i$2:$i$40"))</definedName>
    <definedName name="材料名称">IF('[188]#REF!'!N1=0,,INDIRECT("'"&amp;'[188]#REF!'!$H$2&amp;"'!B"&amp;'[188]#REF!'!M1))</definedName>
    <definedName name="교육내용">[189]연결임시!#REF!</definedName>
    <definedName name="구당초">[190]구조물공!$E$1:$E$65536,[190]구조물공!$G$1:$G$65536</definedName>
    <definedName name="구변경">[190]구조물공!#REF!,[190]구조물공!#REF!</definedName>
    <definedName name="구조물공">[191]내역!#REF!</definedName>
    <definedName name="구조물공수">[192]부대tu!#REF!</definedName>
    <definedName name="구조물공하">[192]부대tu!#REF!</definedName>
    <definedName name="產品編號">[193]明細表!$AA$967:$AA$967</definedName>
    <definedName name="成本">[194]改加胶玻璃、室外栏杆!$D$8</definedName>
    <definedName name="成品保护单价">'[100]#REF!'!$H$4</definedName>
    <definedName name="承台含桩长">'[195]#REF!'!$X$3</definedName>
    <definedName name="그라우팅_펌프">[127]장비집계!#REF!</definedName>
    <definedName name="금액">[196]일위대가!$Q$2:$Q$10</definedName>
    <definedName name="급여">'[2]방배동내역(리라)'!$A$6:$Q$955</definedName>
    <definedName name="기기">'[197]2000년1차'!#REF!</definedName>
    <definedName name="기타">'[198]원가계산서(남측)'!$D$38</definedName>
    <definedName name="김" hidden="1">[199]대비!#REF!</definedName>
    <definedName name="김학민">'[43]Sheet1 (2)'!#REF!</definedName>
    <definedName name="까뮤">'[2]방배동내역(리라)'!$A$6:$Q$951</definedName>
    <definedName name="打">'[180]#REF!'!#REF!</definedName>
    <definedName name="代码">IF([200]工程量!$K1="","",COUNTA([200]工程量!$B1:$B$7))</definedName>
    <definedName name="单">[201]資料庫!$B$5:$H$1621</definedName>
    <definedName name="单边工作面宽">'[195]#REF!'!$U$3</definedName>
    <definedName name="单价表">'[202]#REF!'!$D$1542</definedName>
    <definedName name="单位含量">IF('[203]1'!D1=0,,VLOOKUP('[203]1'!XEY1,INDIRECT("'"&amp;'[203]1'!$G$4&amp;"'!$B$1:$J$32"),8,FALSE))</definedName>
    <definedName name="单位名称">IF('[188]#REF!'!L1=0,,VLOOKUP('[188]#REF!'!XFC1,INDIRECT("'"&amp;'[188]#REF!'!$H$2&amp;"'!$B$1:$J$32"),3,FALSE))</definedName>
    <definedName name="德国">'[90]#REF!'!$D$1542</definedName>
    <definedName name="地坪厚度">'[195]#REF!'!$K$2</definedName>
    <definedName name="地址">[204]資料庫!$B$5:$H$1859</definedName>
    <definedName name="垫层单边突出宽">'[195]#REF!'!$O$3</definedName>
    <definedName name="垫层厚">'[195]#REF!'!$G$3</definedName>
    <definedName name="垫层厚度">'[195]#REF!'!$J$3</definedName>
    <definedName name="垫层突出单边宽">'[195]#REF!'!$K$3</definedName>
    <definedName name="吊筋角度">[65]内围地梁钢筋说明!$C$22</definedName>
    <definedName name="吊筋锚长">[65]内围地梁钢筋说明!$C$23</definedName>
    <definedName name="东立面雨棚" hidden="1">{#N/A,#N/A,FALSE,"估價單  (3)"}</definedName>
    <definedName name="发货单元">[205]資料庫!$B$5:$H$1555</definedName>
    <definedName name="防火锁">'[100]#REF!'!$F$10</definedName>
    <definedName name="放坡">'[195]#REF!'!$E$3</definedName>
    <definedName name="放坡系数1">'[195]#REF!'!#REF!</definedName>
    <definedName name="放坡系数2">'[195]#REF!'!#REF!</definedName>
    <definedName name="放坡系数A">'[195]#REF!'!#REF!</definedName>
    <definedName name="分部">'[50]#REF!'!#REF!</definedName>
    <definedName name="分部分项公里">'[50]#REF!'!#REF!</definedName>
    <definedName name="辅材费">VLOOKUP('[203]1'!XFD1048552,[203]清单!E1048555:XEZ1048566,9,FALSE)</definedName>
    <definedName name="嘎的">'[35]#REF!'!#REF!</definedName>
    <definedName name="钢筋保护层">[65]内围地梁钢筋说明!$C$15</definedName>
    <definedName name="钢筋弯钩长度">'[177]#REF!'!$L$3</definedName>
    <definedName name="高">'[40]#REF!'!$D$1542</definedName>
    <definedName name="工程主要材料计价表">'[115]#REF!'!$G$3</definedName>
    <definedName name="工作面单边宽">'[195]#REF!'!$O$3</definedName>
    <definedName name="估價單" hidden="1">{#N/A,#N/A,FALSE,"估價單  (3)"}</definedName>
    <definedName name="낙찰가">#N/A</definedName>
    <definedName name="哈">'[87]5'!$B$6:$G$15</definedName>
    <definedName name="好了">'[123]1#量统计'!#REF!</definedName>
    <definedName name="合页安装单价">'[100]#REF!'!$G$9</definedName>
    <definedName name="合页单价">'[100]#REF!'!$F$9</definedName>
    <definedName name="胡">[65]内围地梁钢筋说明!$C$15</definedName>
    <definedName name="노임단가">[4]견적!#REF!</definedName>
    <definedName name="机械费">VLOOKUP('[203]1'!XFD1048551,[203]清单!E1048554:XEZ1048565,10,FALSE)</definedName>
    <definedName name="计算表达式">"EVALUATE((substitute(REPLACE($d:$d,FIND(""["",$d:$d),FIND(""]"",$d:$d)-FIND(""["",$d:$d)+1,"""")),""V="","""")"</definedName>
    <definedName name="计算式">"evalvate((substite(replace(计算书!$C:$C,find(""["",计算书!$c:$c),find(""]"",计算书!$c:$c)-find(""["",计算书!$C:$c)+1,"""")),""d="","""")"</definedName>
    <definedName name="甲门单价">'[100]#REF!'!$F$4</definedName>
    <definedName name="단가테이블">'[185]기계경비(시간당)'!$C$1:$F$58</definedName>
    <definedName name="拉手安装单价">'[100]#REF!'!$G$15</definedName>
    <definedName name="拉手单价">'[100]#REF!'!$F$15</definedName>
    <definedName name="대보">[190]부대공!#REF!,[190]부대공!#REF!</definedName>
    <definedName name="대비1">[178]골조시행!#REF!</definedName>
    <definedName name="대비3">[178]골조시행!#REF!</definedName>
    <definedName name="대비5">#N/A</definedName>
    <definedName name="대ㅣㅂ2">#N/A</definedName>
    <definedName name="量" hidden="1">{#N/A,#N/A,FALSE,"估價單  (3)"}</definedName>
    <definedName name="六">'[176]6'!$B$6:$G$8</definedName>
    <definedName name="돈">'[2]방배동내역(리라)'!$A$2:$IV$5</definedName>
    <definedName name="동별">[178]골조시행!#REF!</definedName>
    <definedName name="门吸安装单价">'[100]#REF!'!$G$13</definedName>
    <definedName name="门吸单价">'[100]#REF!'!$F$13</definedName>
    <definedName name="面积合计">'[176]面积合计（藏）'!$B$5:$H$88</definedName>
    <definedName name="排水沟深">[65]内围地梁钢筋说明!$C$21</definedName>
    <definedName name="喷塑单价">'[100]#REF!'!$F$8</definedName>
    <definedName name="平开门总面积">'[100]#REF!'!$I$5</definedName>
    <definedName name="七">'[176]7'!$B$6:$G$15</definedName>
    <definedName name="去">'[50]#REF!'!#REF!</definedName>
    <definedName name="裙楼含量">'[77]#REF!'!$D$1540</definedName>
    <definedName name="라__인__마__카">[127]장비집계!#REF!</definedName>
    <definedName name="라디오">'[2]방배동내역(리라)'!$A$2:$IV$5</definedName>
    <definedName name="人工费">VLOOKUP('[203]1'!XFD1048573,[203]清单!E11:XEZ1048576,8,FALSE)</definedName>
    <definedName name="램__________머">[127]장비집계!#REF!</definedName>
    <definedName name="램머Q간재">[185]램머!$D$20</definedName>
    <definedName name="램머Q간재10">[185]램머!$F$20</definedName>
    <definedName name="램머Q간재야간">[185]램머!$J$20</definedName>
    <definedName name="램머Q노무">[185]램머!$D$21</definedName>
    <definedName name="램머Q노무10">[185]램머!$F$21</definedName>
    <definedName name="램머Q노무야간">[185]램머!$J$21</definedName>
    <definedName name="램머Q손료">[185]램머!$D$22</definedName>
    <definedName name="램머Q손료10">[185]램머!$F$22</definedName>
    <definedName name="램머Q손료야간">[185]램머!$J$22</definedName>
    <definedName name="램머간재">'[185]기계경비(시간당)'!$H$170</definedName>
    <definedName name="램머노무">'[185]기계경비(시간당)'!$H$166</definedName>
    <definedName name="램머노무야간">'[185]기계경비(시간당)'!$H$167</definedName>
    <definedName name="램머손료">'[185]기계경비(시간당)'!$H$165</definedName>
    <definedName name="러ㅏㄹ">[4]견적!#REF!</definedName>
    <definedName name="三">'[176]3'!$B$6:$G$9</definedName>
    <definedName name="十">'[87]2'!$B$6:$G$13</definedName>
    <definedName name="室内外地台差">'[195]#REF!'!#REF!</definedName>
    <definedName name="室内外高差">'[195]#REF!'!$C$3</definedName>
    <definedName name="顺位器安装单价">'[100]#REF!'!$G$12</definedName>
    <definedName name="顺位器单价">'[100]#REF!'!$F$12</definedName>
    <definedName name="四">'[176]4'!$B$6:$G$43</definedName>
    <definedName name="宋体">'[117]#REF!'!#REF!</definedName>
    <definedName name="损耗系数">IF('[203]1'!E1=0,,VLOOKUP('[203]1'!XEZ1,'[188]#REF!'!$C$5:$F$151,9,FALSE))</definedName>
    <definedName name="锁安装单价">'[100]#REF!'!$G$10</definedName>
    <definedName name="塔楼最新含量">'[77]#REF!'!$D$1540</definedName>
    <definedName name="特征规格">'[100]#REF!'!$H:$H</definedName>
    <definedName name="ㅁ8529">[4]견적!#REF!</definedName>
    <definedName name="投标材料清单">'[176]投标材料清单 '!$B$5:$J$75</definedName>
    <definedName name="매입세산출">[178]골조시행!#REF!</definedName>
    <definedName name="머캐덤_로울러">[127]장비집계!#REF!</definedName>
    <definedName name="我">'[87]4'!$B$6:$G$43</definedName>
    <definedName name="면적">[4]견적!#REF!</definedName>
    <definedName name="五">'[176]5'!$B$6:$G$15</definedName>
    <definedName name="모________터">[127]장비집계!#REF!</definedName>
    <definedName name="项目单位">VLOOKUP('[203]1'!XFD1048576,[203]清单!B3:XEZ14,4,FALSE)</definedName>
    <definedName name="项目名称">VLOOKUP('[203]1'!D1048576,[203]清单!F3:XFD14,3,FALSE)</definedName>
    <definedName name="新增项材料费">'[78]#REF!'!$D$1542</definedName>
    <definedName name="序号">IF('[188]#REF!'!K1&lt;=MAX('[188]#REF!'!$A$31:$A$125),'[188]#REF!'!K1,0)</definedName>
    <definedName name="序号显示">IF('[188]#REF!'!XFD1=2,2,IF(INDIRECT("'"&amp;'[188]#REF!'!$H$2&amp;"'!A"&amp;'[188]#REF!'!XFD1)=0,,'[188]#REF!'!A1048576+1))</definedName>
    <definedName name="물____탱____크">[127]장비집계!#REF!</definedName>
    <definedName name="压缩空气">'[153]G.1R-Shou COP Gf'!#REF!</definedName>
    <definedName name="腰筋锚长">[65]内围地梁钢筋说明!$C$20</definedName>
    <definedName name="一">'[176]1'!$B$4:$G$7</definedName>
    <definedName name="乙门单价">'[100]#REF!'!$F$6</definedName>
    <definedName name="以">[201]資料庫!$B$5:$H$1621</definedName>
    <definedName name="바이_브레이트">[127]장비집계!#REF!</definedName>
    <definedName name="박쥐">'[2]방배동내역(리라)'!$A$6:$Q$951</definedName>
    <definedName name="발____전____기">[127]장비집계!#REF!</definedName>
    <definedName name="배">'[2]방배동내역(리라)'!$A$6:$Q$955</definedName>
    <definedName name="배당초">[190]배수공!$E$1:$E$65536,[190]배수공!$G$1:$G$65536</definedName>
    <definedName name="배변경">[190]배수공!#REF!,[190]배수공!#REF!</definedName>
    <definedName name="배수공수">[192]부대tu!#REF!</definedName>
    <definedName name="배수공하">[192]부대tu!#REF!</definedName>
    <definedName name="백02간재">'[185]기계경비(시간당)'!$H$161</definedName>
    <definedName name="백02간재티스제외">'[185]기계경비(시간당)'!$H$162</definedName>
    <definedName name="백02노무">'[185]기계경비(시간당)'!$H$153</definedName>
    <definedName name="백02노무야간">'[185]기계경비(시간당)'!$H$157</definedName>
    <definedName name="백02손료">'[185]기계경비(시간당)'!$H$149</definedName>
    <definedName name="백04간재">'[185]기계경비(시간당)'!$H$145</definedName>
    <definedName name="백04간재티스제외">'[185]기계경비(시간당)'!$H$146</definedName>
    <definedName name="백04노무">'[185]기계경비(시간당)'!$H$137</definedName>
    <definedName name="백04노무야간">'[185]기계경비(시간당)'!$H$141</definedName>
    <definedName name="백04손료">'[185]기계경비(시간당)'!$H$133</definedName>
    <definedName name="백07간재">'[185]기계경비(시간당)'!$H$129</definedName>
    <definedName name="백07노무">'[185]기계경비(시간당)'!$H$121</definedName>
    <definedName name="백07손료">'[185]기계경비(시간당)'!$H$117</definedName>
    <definedName name="真空">'[10]SW-TEO'!#REF!</definedName>
    <definedName name="正点">[93]主材价格!$F$78</definedName>
    <definedName name="中">'[40]#REF!'!$D$1542</definedName>
    <definedName name="보" hidden="1">{#N/A,#N/A,FALSE,"전력간선"}</definedName>
    <definedName name="보오링_기계_JSP용">[127]장비집계!#REF!</definedName>
    <definedName name="보통인부">'[185]기계경비(시간당)'!$D$2</definedName>
    <definedName name="转">'[53]21'!$B$1:$B$802</definedName>
    <definedName name="综合单价明细">'[87]8'!$B$6:$G$15</definedName>
    <definedName name="부당초">[190]부대공!$E$1:$E$65536,[190]부대공!$G$1:$G$65536</definedName>
    <definedName name="부대찰">[2]건축공사집계표!$A$1:$G$1202</definedName>
    <definedName name="부변경">[190]부대공!#REF!,[190]부대공!#REF!</definedName>
    <definedName name="불도우저">[127]장비집계!#REF!</definedName>
    <definedName name="브02간재구조물">'[185]기계경비(시간당)'!$H$112</definedName>
    <definedName name="브02노무">'[185]기계경비(시간당)'!$H$110</definedName>
    <definedName name="브02노무야간">'[185]기계경비(시간당)'!$H$111</definedName>
    <definedName name="브02손료">'[185]기계경비(시간당)'!$H$109</definedName>
    <definedName name="브04간재구조물">'[185]기계경비(시간당)'!$H$105</definedName>
    <definedName name="브04노무">'[185]기계경비(시간당)'!$H$103</definedName>
    <definedName name="브04노무야간">'[185]기계경비(시간당)'!$H$104</definedName>
    <definedName name="브04손료">'[185]기계경비(시간당)'!$H$102</definedName>
    <definedName name="브레이드">'[185]기계경비(시간당)'!$D$28</definedName>
    <definedName name="비키">[2]현장경비!#REF!</definedName>
    <definedName name="사다리">'[2]방배동내역(리라)'!$A$6:$Q$955</definedName>
    <definedName name="사무소">'[2]방배동내역(리라)'!$A$6:$Q$951</definedName>
    <definedName name="산출하">#N/A</definedName>
    <definedName name="상가">'[2]방배동내역(리라)'!$A$6:$Q$951</definedName>
    <definedName name="설계">#N/A</definedName>
    <definedName name="설계가">#N/A</definedName>
    <definedName name="성">[178]골조시행!#REF!</definedName>
    <definedName name="소형B손료">'[185]기계경비(시간당)'!$H$240</definedName>
    <definedName name="수________조">[127]장비집계!#REF!</definedName>
    <definedName name="아스팔트_페이버">[127]장비집계!#REF!</definedName>
    <definedName name="아스팔트디스트리뷰터">[127]장비집계!#REF!</definedName>
    <definedName name="안산">#N/A</definedName>
    <definedName name="안전">[4]견적!#REF!</definedName>
    <definedName name="양수기_건설용펌프">[127]장비집계!#REF!</definedName>
    <definedName name="억이상" hidden="1">{#N/A,#N/A,FALSE,"2~8번"}</definedName>
    <definedName name="에_어_호_스">[127]장비집계!#REF!</definedName>
    <definedName name="역L형옹벽">[86]일위대가!#REF!</definedName>
    <definedName name="오" hidden="1">[149]실행철강하도!$A$1:$A$4</definedName>
    <definedName name="오전">'[2]방배동내역(리라)'!$A$2:$IV$5</definedName>
    <definedName name="용접공">'[185]기계경비(시간당)'!$D$13</definedName>
    <definedName name="용접기__교류">[127]장비집계!#REF!</definedName>
    <definedName name="운전사_운반">'[185]기계경비(시간당)'!$D$7</definedName>
    <definedName name="원가" hidden="1">{#N/A,#N/A,FALSE,"운반시간"}</definedName>
    <definedName name="위치">#N/A</definedName>
    <definedName name="의" hidden="1">{#N/A,#N/A,FALSE,"운반시간"}</definedName>
    <definedName name="이천">'[2]방배동내역(리라)'!$A$2:$IV$5</definedName>
    <definedName name="이티">'[2]방배동내역(리라)'!$A$2:$IV$5</definedName>
    <definedName name="인원">[4]견적!#REF!</definedName>
    <definedName name="일" hidden="1">[149]실행철강하도!$A$1:$A$4</definedName>
    <definedName name="일양">[4]견적!#REF!</definedName>
    <definedName name="임금">'[2]방배동내역(리라)'!$A$6:$Q$955</definedName>
    <definedName name="임직">[4]견적!#REF!</definedName>
    <definedName name="입력선택">[4]견적!#REF!</definedName>
    <definedName name="저층부공내역" hidden="1">{#N/A,#N/A,FALSE,"估價單  (3)"}</definedName>
    <definedName name="저층부금액" hidden="1">{#N/A,#N/A,FALSE,"估價單  (3)"}</definedName>
    <definedName name="저층부금액1" hidden="1">{#N/A,#N/A,FALSE,"估價單  (3)"}</definedName>
    <definedName name="전기">'[2]방배동내역(리라)'!$A$2:$IV$5</definedName>
    <definedName name="전월">#N/A</definedName>
    <definedName name="전체공사비집계표">[2]현장경비!#REF!</definedName>
    <definedName name="정">'[2]방배동내역(리라)'!$A$6:$Q$951</definedName>
    <definedName name="정정">'[15]2000년1차'!#REF!</definedName>
    <definedName name="제5호표">[4]견적!#REF!</definedName>
    <definedName name="조립">'[2]방배동내역(리라)'!$A$6:$Q$955</definedName>
    <definedName name="중기운전기사">'[185]기계경비(시간당)'!$D$4</definedName>
    <definedName name="중량산출" hidden="1">{#N/A,#N/A,FALSE,"Sheet1"}</definedName>
    <definedName name="지역">#N/A</definedName>
    <definedName name="진동_파일_햄머">[127]장비집계!#REF!</definedName>
    <definedName name="집계표">'[2]방배동내역 (총괄)'!#REF!</definedName>
    <definedName name="차은">'[2]방배동내역(리라)'!$A$2:$IV$5</definedName>
    <definedName name="착_암_기__주간">[127]장비집계!#REF!</definedName>
    <definedName name="착공월">[4]견적!#REF!</definedName>
    <definedName name="착암공">'[185]기계경비(시간당)'!$D$12</definedName>
    <definedName name="철2" hidden="1">{#N/A,#N/A,FALSE,"혼합골재"}</definedName>
    <definedName name="철근단중">[58]단중표!$AF$17</definedName>
    <definedName name="초_고_압_펌_프">[127]장비집계!#REF!</definedName>
    <definedName name="총공" hidden="1">{#N/A,#N/A,FALSE,"운반시간"}</definedName>
    <definedName name="최종대비표">#N/A</definedName>
    <definedName name="측량">[4]견적!#REF!</definedName>
    <definedName name="캇타간재">'[185]기계경비(시간당)'!$H$92</definedName>
    <definedName name="캇타노무">'[185]기계경비(시간당)'!$H$88</definedName>
    <definedName name="캇타손료">'[185]기계경비(시간당)'!$H$87</definedName>
    <definedName name="케이블_1">[74]단가!#REF!</definedName>
    <definedName name="콘크리트_진동기">[127]장비집계!#REF!</definedName>
    <definedName name="콘크리트_커트">[127]장비집계!#REF!</definedName>
    <definedName name="크____람____셸">[127]장비집계!#REF!</definedName>
    <definedName name="크____레____인">[127]장비집계!#REF!</definedName>
    <definedName name="크_레_인__트럭">[127]장비집계!#REF!</definedName>
    <definedName name="크레인__트럭">[127]장비집계!#REF!</definedName>
    <definedName name="크레인_트럭탑재형">[127]장비집계!#REF!</definedName>
    <definedName name="타이어_롤러">[127]장비집계!#REF!</definedName>
    <definedName name="탠덤_로울러">[127]장비집계!#REF!</definedName>
    <definedName name="토공2" hidden="1">{#N/A,#N/A,FALSE,"2~8번"}</definedName>
    <definedName name="토공전체" hidden="1">{#N/A,#N/A,FALSE,"운반시간"}</definedName>
    <definedName name="토당초">[190]토공!$E$1:$E$65536,[190]토공!$G$1:$G$65536</definedName>
    <definedName name="토목설계" hidden="1">{#N/A,#N/A,FALSE,"골재소요량";#N/A,#N/A,FALSE,"골재소요량"}</definedName>
    <definedName name="토변경">[190]토공!#REF!,[190]토공!#REF!</definedName>
    <definedName name="트렉트_및_트레일러">[127]장비집계!#REF!</definedName>
    <definedName name="특별인부">'[185]기계경비(시간당)'!$D$9</definedName>
    <definedName name="판넬">'[2]방배동내역(리라)'!$A$6:$Q$955</definedName>
    <definedName name="페이브먼트_브레카">[127]장비집계!#REF!</definedName>
    <definedName name="포당초">[190]포장공!$E$1:$E$65536,[190]포장공!$G$1:$G$65536</definedName>
    <definedName name="포변경">[190]포장공!#REF!,[190]포장공!#REF!</definedName>
    <definedName name="표지3" hidden="1">{#N/A,#N/A,FALSE,"Sheet1"}</definedName>
    <definedName name="피시">'[2]방배동내역(리라)'!$A$2:$IV$5</definedName>
    <definedName name="한글">'[2]방배동내역(리라)'!$A$6:$Q$955</definedName>
    <definedName name="현장">'[2]방배동내역(리라)'!$A$2:$IV$5</definedName>
    <definedName name="환율">'[185]기계경비(시간당)'!$D$21</definedName>
    <definedName name="Z_3B4DD3B0_847F_4B57_93D1_810D4C8DE510_.wvu.PrintArea" hidden="1">#REF!</definedName>
    <definedName name="Z_3B4DD3B0_847F_4B57_93D1_810D4C8DE510_.wvu.PrintTitles" hidden="1">#REF!</definedName>
    <definedName name="Z_92BBA066_F4C6_41CC_BE6D_9F1BA5F6C04D_.wvu.PrintArea" hidden="1">#REF!</definedName>
    <definedName name="Z_92BBA066_F4C6_41CC_BE6D_9F1BA5F6C04D_.wvu.PrintTitles" hidden="1">#REF!</definedName>
    <definedName name="Z_9B18BCA6_6102_4285_8AC8_DAF29FB4CA54_.wvu.PrintArea" hidden="1">#REF!</definedName>
    <definedName name="Z_9B18BCA6_6102_4285_8AC8_DAF29FB4CA54_.wvu.PrintTitles" hidden="1">#REF!</definedName>
    <definedName name="a">EVALUATE(#REF!)</definedName>
    <definedName name="ac">#REF!</definedName>
    <definedName name="ch">EVALUATE(#REF!)</definedName>
    <definedName name="ji">EVALUATE(#REF!)</definedName>
    <definedName name="std">EVALUATE(#REF!)</definedName>
    <definedName name="_x1">#REF!</definedName>
    <definedName name="________ys1">#REF!</definedName>
    <definedName name="___ys2">#REF!</definedName>
    <definedName name="___ys3">#REF!</definedName>
    <definedName name="偿还">EVALUATE(#REF!)</definedName>
    <definedName name="承台桩长2">#REF!</definedName>
    <definedName name="单边工作面宽2">#REF!</definedName>
    <definedName name="地坪厚度2">#REF!</definedName>
    <definedName name="垫层单边突出宽2">#REF!</definedName>
    <definedName name="垫层厚度2">#REF!</definedName>
    <definedName name="垫层突出单边宽2">#REF!</definedName>
    <definedName name="反正">#REF!</definedName>
    <definedName name="工作单边宽2">#REF!</definedName>
    <definedName name="工作面单边宽2">#REF!</definedName>
    <definedName name="公式4">EVALUATE(#REF!)</definedName>
    <definedName name="公式5">EVALUATE(#REF!)</definedName>
    <definedName name="公式6">EVALUATE(#REF!)</definedName>
    <definedName name="公式7">EVALUATE(#REF!)</definedName>
    <definedName name="公式8">EVALUATE(#REF!)</definedName>
    <definedName name="公式A">EVALUATE(#REF!)</definedName>
    <definedName name="公式B">EVALUATE(#REF!)</definedName>
    <definedName name="公式C">EVALUATE(#REF!)</definedName>
    <definedName name="公式二">EVALUATE(#REF!)</definedName>
    <definedName name="公式一">EVALUATE(#REF!)</definedName>
    <definedName name="基础1">EVALUATE(#REF!)</definedName>
    <definedName name="计算式3">EVALUATE(#REF!)</definedName>
    <definedName name="裙楼砖墙">#REF!</definedName>
    <definedName name="室内外地台差1">#REF!</definedName>
    <definedName name="室内外地台差2">#REF!</definedName>
    <definedName name="室内外高差1">#REF!</definedName>
    <definedName name="室内外高差2">#REF!</definedName>
    <definedName name="数量">#REF!</definedName>
    <definedName name="踢脚线高">#REF!</definedName>
    <definedName name="踢脚线高1">#REF!</definedName>
    <definedName name="踢脚线高2">#REF!</definedName>
    <definedName name="五号">EVALUATE(#REF!)</definedName>
    <definedName name="五号桥">EVALUATE(#REF!)</definedName>
    <definedName name="有梁板">#REF!</definedName>
    <definedName name="幼儿园板">#REF!</definedName>
    <definedName name="执层厚2">#REF!</definedName>
    <definedName name="__x1">#REF!</definedName>
    <definedName name="_________ys1">#REF!</definedName>
    <definedName name="____ys2">#REF!</definedName>
    <definedName name="____ys3">#REF!</definedName>
    <definedName name="jisuanshi">EVALUATE('[211]7~10工程量'!$F$1:$F$65536)</definedName>
    <definedName name="_W200">'[207]21'!$B$1:$B$802</definedName>
    <definedName name="xm">[210]常用项目!$A$1:$A$65536</definedName>
    <definedName name="___ys1">#REF!</definedName>
    <definedName name="板2" hidden="1">[212]XLR_NoRangeSheet!$B$6</definedName>
    <definedName name="采光井栏杆">EVALUATE([213]采光井栏杆数量计算!$D$1:$D$65536)</definedName>
    <definedName name="公式1">EVALUATE('[208]2-4层外墙'!$D$1:$D$65536)</definedName>
    <definedName name="公式2">EVALUATE('[208]2-4层外墙'!$F$1:$F$65536)</definedName>
    <definedName name="公式3">EVALUATE('[208]2-4层外墙'!$H$1:$H$65536)</definedName>
    <definedName name="基础">EVALUATE('[209]计量表(附录一)'!$G$1:$G$65536)</definedName>
    <definedName name="计算式1">EVALUATE('[214]11~12工程量'!$F$1:$F$65536)</definedName>
    <definedName name="计算式123">EVALUATE('[214]11~12工程量'!$F$1:$F$65536)</definedName>
    <definedName name="计算式2">EVALUATE('[215]7~10工程量'!$F$1:$F$65536)</definedName>
    <definedName name="琳">EVALUATE(SUBSTITUTE(SUBSTITUTE([216]安装工程量计算底稿!IV1,"[","*ISTEXT("""),"]",""")"))</definedName>
    <definedName name="__W200">'[207]21'!$B$1:$B$802</definedName>
    <definedName name="___x1">#REF!</definedName>
    <definedName name="____ys1">#REF!</definedName>
    <definedName name="_____ys2">#REF!</definedName>
    <definedName name="_____ys3">#REF!</definedName>
    <definedName name="\e" localSheetId="2">#REF!</definedName>
    <definedName name="\g" localSheetId="2">#REF!</definedName>
    <definedName name="\O" localSheetId="2">#REF!</definedName>
    <definedName name="\s" localSheetId="2">#REF!</definedName>
    <definedName name="_\D" localSheetId="2">#REF!</definedName>
    <definedName name="_\X" localSheetId="2">#REF!</definedName>
    <definedName name="_____key2" localSheetId="2" hidden="1">#REF!</definedName>
    <definedName name="____key2" localSheetId="2" hidden="1">#REF!</definedName>
    <definedName name="____YO1" localSheetId="2">#REF!</definedName>
    <definedName name="___BMK10" localSheetId="2">#REF!</definedName>
    <definedName name="___HSH1" localSheetId="2">#REF!</definedName>
    <definedName name="___HSH2" localSheetId="2">#REF!</definedName>
    <definedName name="___HTB2" localSheetId="2">#REF!</definedName>
    <definedName name="___HTS1" localSheetId="2">#REF!</definedName>
    <definedName name="___key2" localSheetId="2" hidden="1">#REF!</definedName>
    <definedName name="___MS1" localSheetId="2">#REF!</definedName>
    <definedName name="___mu1" localSheetId="2">#REF!</definedName>
    <definedName name="___mu2" localSheetId="2">#REF!</definedName>
    <definedName name="___mu3" localSheetId="2">#REF!</definedName>
    <definedName name="___na7" localSheetId="2">#REF!</definedName>
    <definedName name="___nf1" localSheetId="2">#REF!</definedName>
    <definedName name="___nf2" localSheetId="2">#REF!</definedName>
    <definedName name="___nf3" localSheetId="2">#REF!</definedName>
    <definedName name="___ng30" localSheetId="2">#REF!</definedName>
    <definedName name="___ng35" localSheetId="2">#REF!</definedName>
    <definedName name="___NP1" localSheetId="2">#REF!</definedName>
    <definedName name="___NP2" localSheetId="2">#REF!</definedName>
    <definedName name="___NSH1" localSheetId="2">#REF!</definedName>
    <definedName name="___NSH2" localSheetId="2">#REF!</definedName>
    <definedName name="___pa7" localSheetId="2">#REF!</definedName>
    <definedName name="___pf1" localSheetId="2">#REF!</definedName>
    <definedName name="___pf2" localSheetId="2">#REF!</definedName>
    <definedName name="___pf3" localSheetId="2">#REF!</definedName>
    <definedName name="___pg30" localSheetId="2">#REF!</definedName>
    <definedName name="___pg35" localSheetId="2">#REF!</definedName>
    <definedName name="___ppa7" localSheetId="2">#REF!</definedName>
    <definedName name="___ppf1" localSheetId="2">#REF!</definedName>
    <definedName name="___ppf2" localSheetId="2">#REF!</definedName>
    <definedName name="___ppf3" localSheetId="2">#REF!</definedName>
    <definedName name="___ppg30" localSheetId="2">#REF!</definedName>
    <definedName name="___ppg35" localSheetId="2">#REF!</definedName>
    <definedName name="___QTY10" localSheetId="2">#REF!</definedName>
    <definedName name="___UPR10" localSheetId="2">#REF!</definedName>
    <definedName name="___vrc25" localSheetId="2">#REF!</definedName>
    <definedName name="___YO1" localSheetId="2">#REF!</definedName>
    <definedName name="__A15" localSheetId="2">#REF!</definedName>
    <definedName name="__BMK10" localSheetId="2">#REF!</definedName>
    <definedName name="__D1" localSheetId="2">#REF!</definedName>
    <definedName name="__HSH1" localSheetId="2">#REF!</definedName>
    <definedName name="__HSH2" localSheetId="2">#REF!</definedName>
    <definedName name="__HTB2" localSheetId="2">#REF!</definedName>
    <definedName name="__HTS1" localSheetId="2">#REF!</definedName>
    <definedName name="__key2" localSheetId="2" hidden="1">#REF!</definedName>
    <definedName name="__MS1" localSheetId="2">#REF!</definedName>
    <definedName name="__mu1" localSheetId="2">#REF!</definedName>
    <definedName name="__mu2" localSheetId="2">#REF!</definedName>
    <definedName name="__mu3" localSheetId="2">#REF!</definedName>
    <definedName name="__na7" localSheetId="2">#REF!</definedName>
    <definedName name="__nf1" localSheetId="2">#REF!</definedName>
    <definedName name="__nf2" localSheetId="2">#REF!</definedName>
    <definedName name="__nf3" localSheetId="2">#REF!</definedName>
    <definedName name="__ng30" localSheetId="2">#REF!</definedName>
    <definedName name="__ng35" localSheetId="2">#REF!</definedName>
    <definedName name="__NP1" localSheetId="2">#REF!</definedName>
    <definedName name="__NP2" localSheetId="2">#REF!</definedName>
    <definedName name="__NSH1" localSheetId="2">#REF!</definedName>
    <definedName name="__NSH2" localSheetId="2">#REF!</definedName>
    <definedName name="__pa7" localSheetId="2">#REF!</definedName>
    <definedName name="__pf1" localSheetId="2">#REF!</definedName>
    <definedName name="__pf2" localSheetId="2">#REF!</definedName>
    <definedName name="__pf3" localSheetId="2">#REF!</definedName>
    <definedName name="__pg30" localSheetId="2">#REF!</definedName>
    <definedName name="__pg35" localSheetId="2">#REF!</definedName>
    <definedName name="__ppa7" localSheetId="2">#REF!</definedName>
    <definedName name="__ppf1" localSheetId="2">#REF!</definedName>
    <definedName name="__ppf2" localSheetId="2">#REF!</definedName>
    <definedName name="__ppf3" localSheetId="2">#REF!</definedName>
    <definedName name="__ppg30" localSheetId="2">#REF!</definedName>
    <definedName name="__ppg35" localSheetId="2">#REF!</definedName>
    <definedName name="__QTY10" localSheetId="2">#REF!</definedName>
    <definedName name="__UPR10" localSheetId="2">#REF!</definedName>
    <definedName name="__V200" localSheetId="2">'[206]措施项目清单与计价表 '!__V200</definedName>
    <definedName name="__vrc25" localSheetId="2">#REF!</definedName>
    <definedName name="__YO1" localSheetId="2">#REF!</definedName>
    <definedName name="__총괄표" localSheetId="2" hidden="1">#REF!</definedName>
    <definedName name="_0.33__18.8_18.8__0.33__1.43_1.433_2.166_1.466_6.335_1.466_1.866_1.433_4.366_1.15_0.85_4.43_0.82_1.61_2.45_1.85_2.02_0.6_4.6_2.7_2.45_1.61_5.25_0.85_1.25_4.5_1.7_2_1.466_1_6.335_1_1.466_2.166_1.433_1.433_3.416_2_11.61__0.33__2.75_1.8_1.85_1.8_3.1_2.44_2.7" localSheetId="2">#REF!</definedName>
    <definedName name="_000年.xls" localSheetId="2">#REF!</definedName>
    <definedName name="_001年.xls" localSheetId="2">#REF!</definedName>
    <definedName name="_002年.xls" localSheetId="2">#REF!</definedName>
    <definedName name="_1.65_7.35_1.5_1.65_1.8_2.65_2_1.8_2.65___3.65_0.1" localSheetId="2">#REF!</definedName>
    <definedName name="_16.025_8.297_18.65__10.5" localSheetId="2">#REF!</definedName>
    <definedName name="_16_3_0Crite" localSheetId="2">#REF!</definedName>
    <definedName name="_17_3_0Criteria" localSheetId="2">#REF!</definedName>
    <definedName name="_18_3__Crite" localSheetId="2">#REF!</definedName>
    <definedName name="_19_3__Criteria" localSheetId="2">#REF!</definedName>
    <definedName name="_1공장" localSheetId="2">#REF!</definedName>
    <definedName name="_20A15_" localSheetId="2">#REF!</definedName>
    <definedName name="_21G_0Extr" localSheetId="2">#REF!</definedName>
    <definedName name="_22G_0Extract" localSheetId="2">#REF!</definedName>
    <definedName name="_23G__Extr" localSheetId="2">#REF!</definedName>
    <definedName name="_24G__Extract" localSheetId="2">#REF!</definedName>
    <definedName name="_28V200_" localSheetId="2">'[206]措施项目清单与计价表 '!_28V200_</definedName>
    <definedName name="_29V200_" localSheetId="2">'[206]措施项目清单与计价表 '!_29V200_</definedName>
    <definedName name="_2공장" localSheetId="2">#REF!</definedName>
    <definedName name="_3.2_3_2.25__0.51_0.3" localSheetId="2">#REF!</definedName>
    <definedName name="_3공장" localSheetId="2">#REF!</definedName>
    <definedName name="_A" localSheetId="2">#REF!</definedName>
    <definedName name="_A15" localSheetId="2">#REF!</definedName>
    <definedName name="_BMK10" localSheetId="2">#REF!</definedName>
    <definedName name="_Dist_Bin" localSheetId="2" hidden="1">#REF!</definedName>
    <definedName name="_Dist_Values" localSheetId="2" hidden="1">#REF!</definedName>
    <definedName name="_HSH1" localSheetId="2">#REF!</definedName>
    <definedName name="_HSH2" localSheetId="2">#REF!</definedName>
    <definedName name="_HTB2" localSheetId="2">#REF!</definedName>
    <definedName name="_HTS1" localSheetId="2">#REF!</definedName>
    <definedName name="_Key1" localSheetId="2" hidden="1">#REF!</definedName>
    <definedName name="_Key2" localSheetId="2" hidden="1">#REF!</definedName>
    <definedName name="_MS1" localSheetId="2">#REF!</definedName>
    <definedName name="_mu1" localSheetId="2">#REF!</definedName>
    <definedName name="_mu2" localSheetId="2">#REF!</definedName>
    <definedName name="_mu3" localSheetId="2">#REF!</definedName>
    <definedName name="_na7" localSheetId="2">#REF!</definedName>
    <definedName name="_nf1" localSheetId="2">#REF!</definedName>
    <definedName name="_nf2" localSheetId="2">#REF!</definedName>
    <definedName name="_nf3" localSheetId="2">#REF!</definedName>
    <definedName name="_ng30" localSheetId="2">#REF!</definedName>
    <definedName name="_ng35" localSheetId="2">#REF!</definedName>
    <definedName name="_NP1" localSheetId="2">#REF!</definedName>
    <definedName name="_NP2" localSheetId="2">#REF!</definedName>
    <definedName name="_NSH1" localSheetId="2">#REF!</definedName>
    <definedName name="_NSH2" localSheetId="2">#REF!</definedName>
    <definedName name="_pa7" localSheetId="2">#REF!</definedName>
    <definedName name="_pf1" localSheetId="2">#REF!</definedName>
    <definedName name="_pf2" localSheetId="2">#REF!</definedName>
    <definedName name="_pf3" localSheetId="2">#REF!</definedName>
    <definedName name="_pg30" localSheetId="2">#REF!</definedName>
    <definedName name="_pg35" localSheetId="2">#REF!</definedName>
    <definedName name="_ppa7" localSheetId="2">#REF!</definedName>
    <definedName name="_ppf1" localSheetId="2">#REF!</definedName>
    <definedName name="_ppf2" localSheetId="2">#REF!</definedName>
    <definedName name="_ppf3" localSheetId="2">#REF!</definedName>
    <definedName name="_ppg30" localSheetId="2">#REF!</definedName>
    <definedName name="_ppg35" localSheetId="2">#REF!</definedName>
    <definedName name="_QTY10" localSheetId="2">#REF!</definedName>
    <definedName name="_Sort" localSheetId="2" hidden="1">#REF!</definedName>
    <definedName name="_Table1_In1" localSheetId="2" hidden="1">#REF!</definedName>
    <definedName name="_Table1_Out" localSheetId="2" hidden="1">#REF!</definedName>
    <definedName name="_UPR10" localSheetId="2">#REF!</definedName>
    <definedName name="_V200" localSheetId="2">'[206]措施项目清单与计价表 '!_V200</definedName>
    <definedName name="_vrc25" localSheetId="2">#REF!</definedName>
    <definedName name="_YO1" localSheetId="2">#REF!</definedName>
    <definedName name="_총괄표" localSheetId="2" hidden="1">#REF!</definedName>
    <definedName name="A_1" localSheetId="2">#REF!</definedName>
    <definedName name="A_2" localSheetId="2">#REF!</definedName>
    <definedName name="A_3" localSheetId="2">#REF!</definedName>
    <definedName name="A_4" localSheetId="2">#REF!</definedName>
    <definedName name="A_5" localSheetId="2">#REF!</definedName>
    <definedName name="A_6" localSheetId="2">#REF!</definedName>
    <definedName name="A1_" localSheetId="2">#REF!</definedName>
    <definedName name="A15." localSheetId="2">#REF!</definedName>
    <definedName name="A2_" localSheetId="2">#REF!</definedName>
    <definedName name="A3_" localSheetId="2">#REF!</definedName>
    <definedName name="A315yoo1" localSheetId="2">#REF!</definedName>
    <definedName name="A4_" localSheetId="2">#REF!</definedName>
    <definedName name="A5_" localSheetId="2">#REF!</definedName>
    <definedName name="A7_" localSheetId="2">#REF!</definedName>
    <definedName name="A8_" localSheetId="2">#REF!</definedName>
    <definedName name="A9_" localSheetId="2">#REF!</definedName>
    <definedName name="AA" localSheetId="2">#REF!</definedName>
    <definedName name="AMOUNT" localSheetId="2">#REF!</definedName>
    <definedName name="are" localSheetId="2">#REF!</definedName>
    <definedName name="as" localSheetId="2" hidden="1">#REF!</definedName>
    <definedName name="asdfas" localSheetId="2">'[206]措施项目清单与计价表 '!asdfas</definedName>
    <definedName name="AVHK" localSheetId="2">#REF!</definedName>
    <definedName name="AVRMB" localSheetId="2">#REF!</definedName>
    <definedName name="B" localSheetId="2">#REF!</definedName>
    <definedName name="B0" localSheetId="2">#REF!</definedName>
    <definedName name="B1_" localSheetId="2">#REF!</definedName>
    <definedName name="B1381." localSheetId="2">#REF!</definedName>
    <definedName name="B1A" localSheetId="2">#REF!</definedName>
    <definedName name="B1WL" localSheetId="2">#REF!</definedName>
    <definedName name="B1WR" localSheetId="2">#REF!</definedName>
    <definedName name="B2A" localSheetId="2">#REF!</definedName>
    <definedName name="B2WL" localSheetId="2">#REF!</definedName>
    <definedName name="B2WR" localSheetId="2">#REF!</definedName>
    <definedName name="B3A" localSheetId="2">#REF!</definedName>
    <definedName name="B4A" localSheetId="2">#REF!</definedName>
    <definedName name="B5A" localSheetId="2">#REF!</definedName>
    <definedName name="B6A" localSheetId="2">#REF!</definedName>
    <definedName name="B7A" localSheetId="2">#REF!</definedName>
    <definedName name="B8A" localSheetId="2">#REF!</definedName>
    <definedName name="BA" localSheetId="2">#REF!</definedName>
    <definedName name="BAE_GWANG_GONG" localSheetId="2">#REF!</definedName>
    <definedName name="BB" localSheetId="2">#REF!</definedName>
    <definedName name="bbb" localSheetId="2">#REF!</definedName>
    <definedName name="BHU" localSheetId="2">#REF!</definedName>
    <definedName name="BI_GAE_GONG" localSheetId="2">#REF!</definedName>
    <definedName name="BIGO" localSheetId="2">#REF!</definedName>
    <definedName name="BMO" localSheetId="2">#REF!</definedName>
    <definedName name="BO" localSheetId="2">#REF!</definedName>
    <definedName name="BO_ON_GONG" localSheetId="2">#REF!</definedName>
    <definedName name="BO_TONG_IN_BU" localSheetId="2">#REF!</definedName>
    <definedName name="BSH" localSheetId="2">#REF!</definedName>
    <definedName name="BV" localSheetId="2">#REF!</definedName>
    <definedName name="C_1" localSheetId="2">#REF!</definedName>
    <definedName name="C_2" localSheetId="2">#REF!</definedName>
    <definedName name="C_3" localSheetId="2">#REF!</definedName>
    <definedName name="cap" localSheetId="2">#REF!</definedName>
    <definedName name="CCC" localSheetId="2">#REF!</definedName>
    <definedName name="CFA" localSheetId="2">#REF!</definedName>
    <definedName name="CHUK_RYANG_SA" localSheetId="2">#REF!</definedName>
    <definedName name="CHUL_GOL_GONG" localSheetId="2">#REF!</definedName>
    <definedName name="CHUL_GONG" localSheetId="2">#REF!</definedName>
    <definedName name="CIVIL" localSheetId="2">#REF!</definedName>
    <definedName name="CKSP" localSheetId="2">#REF!</definedName>
    <definedName name="Client" localSheetId="2">#REF!</definedName>
    <definedName name="CM" localSheetId="2">#REF!</definedName>
    <definedName name="COD" localSheetId="2">#REF!</definedName>
    <definedName name="CODE" localSheetId="2">#REF!</definedName>
    <definedName name="cola" localSheetId="2">#REF!</definedName>
    <definedName name="colaa" localSheetId="2">#REF!</definedName>
    <definedName name="colb" localSheetId="2">#REF!</definedName>
    <definedName name="colb1" localSheetId="2">#REF!</definedName>
    <definedName name="Conc_A" localSheetId="2">#REF!</definedName>
    <definedName name="Conc_C" localSheetId="2">#REF!</definedName>
    <definedName name="COST" localSheetId="2" hidden="1">#REF!</definedName>
    <definedName name="COSTT" localSheetId="2" hidden="1">#REF!</definedName>
    <definedName name="CPK" localSheetId="2">#REF!</definedName>
    <definedName name="CR" localSheetId="2">#REF!</definedName>
    <definedName name="CUB.prix_SMC" localSheetId="2">[72]!CUB.prix_SMC</definedName>
    <definedName name="d" localSheetId="2">PUR资料+'[76]#REF!'!$B$7:$AV$3185</definedName>
    <definedName name="D0" localSheetId="2">#REF!</definedName>
    <definedName name="D00" localSheetId="2">#REF!</definedName>
    <definedName name="D000" localSheetId="2">#REF!</definedName>
    <definedName name="DAN" localSheetId="2">#REF!</definedName>
    <definedName name="DANGA" localSheetId="2">#REF!,#REF!</definedName>
    <definedName name="danga2" localSheetId="2">#REF!,#REF!</definedName>
    <definedName name="Database" localSheetId="2" hidden="1">#REF!</definedName>
    <definedName name="database2" localSheetId="2">#REF!</definedName>
    <definedName name="date" localSheetId="2">#REF!</definedName>
    <definedName name="Date_Bidding" localSheetId="2">#REF!</definedName>
    <definedName name="DE" localSheetId="2">#REF!</definedName>
    <definedName name="DF" localSheetId="2">#REF!</definedName>
    <definedName name="dl" localSheetId="2">#REF!</definedName>
    <definedName name="DO_JANG_GONG" localSheetId="2">#REF!</definedName>
    <definedName name="DPI" localSheetId="2">#REF!</definedName>
    <definedName name="DPP" localSheetId="2">#REF!</definedName>
    <definedName name="DS" localSheetId="2">#REF!</definedName>
    <definedName name="DSFGB" localSheetId="2">'[206]措施项目清单与计价表 '!DSFGB</definedName>
    <definedName name="DSVP" localSheetId="2">#REF!</definedName>
    <definedName name="DUCT_GONG" localSheetId="2">#REF!</definedName>
    <definedName name="E10M" localSheetId="2">#REF!</definedName>
    <definedName name="E10P" localSheetId="2">#REF!</definedName>
    <definedName name="E11M" localSheetId="2">#REF!</definedName>
    <definedName name="E11P" localSheetId="2">#REF!</definedName>
    <definedName name="E12M" localSheetId="2">#REF!</definedName>
    <definedName name="E12P" localSheetId="2">#REF!</definedName>
    <definedName name="E13M" localSheetId="2">#REF!</definedName>
    <definedName name="E13P" localSheetId="2">#REF!</definedName>
    <definedName name="E14M" localSheetId="2">#REF!</definedName>
    <definedName name="E14P" localSheetId="2">#REF!</definedName>
    <definedName name="E15M" localSheetId="2">#REF!</definedName>
    <definedName name="E15P" localSheetId="2">#REF!</definedName>
    <definedName name="E16M" localSheetId="2">#REF!</definedName>
    <definedName name="E16P" localSheetId="2">#REF!</definedName>
    <definedName name="E17M" localSheetId="2">#REF!</definedName>
    <definedName name="E17P" localSheetId="2">#REF!</definedName>
    <definedName name="E18M" localSheetId="2">#REF!</definedName>
    <definedName name="E18P" localSheetId="2">#REF!</definedName>
    <definedName name="E19M" localSheetId="2">#REF!</definedName>
    <definedName name="E19P" localSheetId="2">#REF!</definedName>
    <definedName name="E1E" localSheetId="2">#REF!</definedName>
    <definedName name="E1M" localSheetId="2">#REF!</definedName>
    <definedName name="E1P" localSheetId="2">#REF!</definedName>
    <definedName name="E20M" localSheetId="2">#REF!</definedName>
    <definedName name="E20P" localSheetId="2">#REF!</definedName>
    <definedName name="E21M" localSheetId="2">#REF!</definedName>
    <definedName name="E21P" localSheetId="2">#REF!</definedName>
    <definedName name="E22M" localSheetId="2">#REF!</definedName>
    <definedName name="E22P" localSheetId="2">#REF!</definedName>
    <definedName name="E23M" localSheetId="2">#REF!</definedName>
    <definedName name="E23P" localSheetId="2">#REF!</definedName>
    <definedName name="E24M" localSheetId="2">#REF!</definedName>
    <definedName name="E24P" localSheetId="2">#REF!</definedName>
    <definedName name="E26E" localSheetId="2">#REF!</definedName>
    <definedName name="E26M" localSheetId="2">#REF!</definedName>
    <definedName name="E26P" localSheetId="2">#REF!</definedName>
    <definedName name="E27E" localSheetId="2">#REF!</definedName>
    <definedName name="E27M" localSheetId="2">#REF!</definedName>
    <definedName name="E27P" localSheetId="2">#REF!</definedName>
    <definedName name="E28E" localSheetId="2">#REF!</definedName>
    <definedName name="E28M" localSheetId="2">#REF!</definedName>
    <definedName name="E28P" localSheetId="2">#REF!</definedName>
    <definedName name="E29M" localSheetId="2">#REF!</definedName>
    <definedName name="E29P" localSheetId="2">#REF!</definedName>
    <definedName name="E2E" localSheetId="2">#REF!</definedName>
    <definedName name="E2M" localSheetId="2">#REF!</definedName>
    <definedName name="E2P" localSheetId="2">#REF!</definedName>
    <definedName name="E30M" localSheetId="2">#REF!</definedName>
    <definedName name="E30P" localSheetId="2">#REF!</definedName>
    <definedName name="E35M" localSheetId="2">#REF!</definedName>
    <definedName name="E35P" localSheetId="2">#REF!</definedName>
    <definedName name="E3P" localSheetId="2">#REF!</definedName>
    <definedName name="E43M" localSheetId="2">#REF!</definedName>
    <definedName name="E43P" localSheetId="2">#REF!</definedName>
    <definedName name="E44M" localSheetId="2">#REF!</definedName>
    <definedName name="E44P" localSheetId="2">#REF!</definedName>
    <definedName name="E45M" localSheetId="2">#REF!</definedName>
    <definedName name="E45P" localSheetId="2">#REF!</definedName>
    <definedName name="E46M" localSheetId="2">#REF!</definedName>
    <definedName name="E46P" localSheetId="2">#REF!</definedName>
    <definedName name="E47M" localSheetId="2">#REF!</definedName>
    <definedName name="E47P" localSheetId="2">#REF!</definedName>
    <definedName name="E49M" localSheetId="2">#REF!</definedName>
    <definedName name="E49P" localSheetId="2">#REF!</definedName>
    <definedName name="E4M" localSheetId="2">#REF!</definedName>
    <definedName name="E4P" localSheetId="2">#REF!</definedName>
    <definedName name="E50M" localSheetId="2">#REF!</definedName>
    <definedName name="E50P" localSheetId="2">#REF!</definedName>
    <definedName name="E51E" localSheetId="2">#REF!</definedName>
    <definedName name="E5M" localSheetId="2">#REF!</definedName>
    <definedName name="E5P" localSheetId="2">#REF!</definedName>
    <definedName name="E6M" localSheetId="2">#REF!</definedName>
    <definedName name="E6P" localSheetId="2">#REF!</definedName>
    <definedName name="E7M" localSheetId="2">#REF!</definedName>
    <definedName name="E7P" localSheetId="2">#REF!</definedName>
    <definedName name="E8M" localSheetId="2">#REF!</definedName>
    <definedName name="E8P" localSheetId="2">#REF!</definedName>
    <definedName name="E9M" localSheetId="2">#REF!</definedName>
    <definedName name="E9P" localSheetId="2">#REF!</definedName>
    <definedName name="eee" localSheetId="2" hidden="1">#REF!</definedName>
    <definedName name="Exchange_Rate" localSheetId="2">#REF!</definedName>
    <definedName name="EXHK" localSheetId="2">#REF!</definedName>
    <definedName name="Extract_MI" localSheetId="2">#REF!</definedName>
    <definedName name="F" localSheetId="2">#REF!</definedName>
    <definedName name="fact" localSheetId="2">#REF!</definedName>
    <definedName name="FD" localSheetId="2">#REF!</definedName>
    <definedName name="FEEL" localSheetId="2">#REF!</definedName>
    <definedName name="fjkf" localSheetId="2">#REF!</definedName>
    <definedName name="Form" localSheetId="2">#REF!</definedName>
    <definedName name="fwk" localSheetId="2">#REF!</definedName>
    <definedName name="GAE_JANG_GONG" localSheetId="2">#REF!</definedName>
    <definedName name="GEMCO" localSheetId="2" hidden="1">#REF!</definedName>
    <definedName name="GFA" localSheetId="2">#REF!</definedName>
    <definedName name="gfdgdgdf" localSheetId="2">#REF!</definedName>
    <definedName name="gfggfr" localSheetId="2">#REF!</definedName>
    <definedName name="GG" localSheetId="2">#REF!</definedName>
    <definedName name="GGGG" localSheetId="2">#REF!</definedName>
    <definedName name="gh" localSheetId="2">#REF!</definedName>
    <definedName name="GI_GAE_SUL_CHI_GONG" localSheetId="2">#REF!</definedName>
    <definedName name="GJ" localSheetId="2">#REF!</definedName>
    <definedName name="gjj" localSheetId="2">#REF!</definedName>
    <definedName name="GK" localSheetId="2">#REF!</definedName>
    <definedName name="GONGCODE" localSheetId="2">#REF!</definedName>
    <definedName name="grew" localSheetId="2" hidden="1">#REF!</definedName>
    <definedName name="Gtb" localSheetId="2">#REF!</definedName>
    <definedName name="gtbtt" localSheetId="2">#REF!</definedName>
    <definedName name="GUMAK" localSheetId="2">#REF!</definedName>
    <definedName name="Gxl" localSheetId="2">#REF!</definedName>
    <definedName name="gxltt" localSheetId="2">#REF!</definedName>
    <definedName name="GY" localSheetId="2">#REF!</definedName>
    <definedName name="H1L" localSheetId="2">#REF!</definedName>
    <definedName name="H1R" localSheetId="2">#REF!</definedName>
    <definedName name="H1WL" localSheetId="2">#REF!</definedName>
    <definedName name="H1WR" localSheetId="2">#REF!</definedName>
    <definedName name="H2L" localSheetId="2">#REF!</definedName>
    <definedName name="H2R" localSheetId="2">#REF!</definedName>
    <definedName name="H2WL" localSheetId="2">#REF!</definedName>
    <definedName name="H2WR" localSheetId="2">#REF!</definedName>
    <definedName name="H3L" localSheetId="2">#REF!</definedName>
    <definedName name="H3R" localSheetId="2">#REF!</definedName>
    <definedName name="H3WL" localSheetId="2">#REF!</definedName>
    <definedName name="H3WR" localSheetId="2">#REF!</definedName>
    <definedName name="H4L" localSheetId="2">#REF!</definedName>
    <definedName name="H4R" localSheetId="2">#REF!</definedName>
    <definedName name="H5L" localSheetId="2">#REF!</definedName>
    <definedName name="H5R" localSheetId="2">#REF!</definedName>
    <definedName name="H6L" localSheetId="2">#REF!</definedName>
    <definedName name="H6R" localSheetId="2">#REF!</definedName>
    <definedName name="H7L" localSheetId="2">#REF!</definedName>
    <definedName name="H7R" localSheetId="2">#REF!</definedName>
    <definedName name="H9A" localSheetId="2">#REF!</definedName>
    <definedName name="HAF" localSheetId="2">#REF!</definedName>
    <definedName name="han" localSheetId="2" hidden="1">#REF!</definedName>
    <definedName name="hanliangbiao" localSheetId="2">#REF!</definedName>
    <definedName name="hardwar" localSheetId="2" hidden="1">#REF!</definedName>
    <definedName name="HBV" localSheetId="2">#REF!</definedName>
    <definedName name="HCR" localSheetId="2">#REF!</definedName>
    <definedName name="HDSVP" localSheetId="2">#REF!</definedName>
    <definedName name="HHAF" localSheetId="2">#REF!</definedName>
    <definedName name="HHMF" localSheetId="2">#REF!</definedName>
    <definedName name="HL" localSheetId="2">#REF!</definedName>
    <definedName name="HMF" localSheetId="2">#REF!</definedName>
    <definedName name="HMOTOR" localSheetId="2">#REF!</definedName>
    <definedName name="HPUMP" localSheetId="2">#REF!</definedName>
    <definedName name="HR" localSheetId="2">#REF!</definedName>
    <definedName name="HSH" localSheetId="2">#REF!</definedName>
    <definedName name="HSV" localSheetId="2">#REF!</definedName>
    <definedName name="htb" localSheetId="2">#REF!</definedName>
    <definedName name="hts" localSheetId="2">#REF!</definedName>
    <definedName name="HVAFP" localSheetId="2">#REF!</definedName>
    <definedName name="HVMF" localSheetId="2">#REF!</definedName>
    <definedName name="HWEI" localSheetId="2">#REF!</definedName>
    <definedName name="HWL" localSheetId="2">#REF!</definedName>
    <definedName name="HWR" localSheetId="2">#REF!</definedName>
    <definedName name="i" localSheetId="2">#REF!</definedName>
    <definedName name="ID" localSheetId="2">#REF!,#REF!</definedName>
    <definedName name="JA" localSheetId="2">#REF!</definedName>
    <definedName name="JE_GWAN_GONG" localSheetId="2">#REF!</definedName>
    <definedName name="jg" localSheetId="2">#REF!</definedName>
    <definedName name="jhjyg" localSheetId="2">#REF!</definedName>
    <definedName name="JK" localSheetId="2">#REF!</definedName>
    <definedName name="JUNG_GI_UN_JUN" localSheetId="2">#REF!</definedName>
    <definedName name="kim" localSheetId="2">#REF!</definedName>
    <definedName name="KJ" localSheetId="2">#REF!</definedName>
    <definedName name="kjjh" localSheetId="2">#REF!</definedName>
    <definedName name="kk" localSheetId="2" hidden="1">#REF!</definedName>
    <definedName name="LA" localSheetId="2">#REF!</definedName>
    <definedName name="Labor_Cost" localSheetId="2">#REF!</definedName>
    <definedName name="lf" localSheetId="2">#REF!</definedName>
    <definedName name="lll" localSheetId="2">#REF!</definedName>
    <definedName name="lllllll" localSheetId="2">#REF!</definedName>
    <definedName name="LMO" localSheetId="2">#REF!</definedName>
    <definedName name="LPI" localSheetId="2">#REF!</definedName>
    <definedName name="LSH" localSheetId="2">#REF!</definedName>
    <definedName name="Macro10" localSheetId="2">[140]!Macro10</definedName>
    <definedName name="Macro11" localSheetId="2">'[206]措施项目清单与计价表 '!Macro11</definedName>
    <definedName name="Macro12" localSheetId="2">[140]!Macro12</definedName>
    <definedName name="Macro13" localSheetId="2">[140]!Macro13</definedName>
    <definedName name="Macro14" localSheetId="2">[140]!Macro14</definedName>
    <definedName name="Macro2" localSheetId="2">[140]!Macro2</definedName>
    <definedName name="MACRO20" localSheetId="2">[140]!Macro2</definedName>
    <definedName name="Macro5" localSheetId="2">[140]!Macro5</definedName>
    <definedName name="Macro6" localSheetId="2">[140]!Macro6</definedName>
    <definedName name="Macro7" localSheetId="2">[140]!Macro7</definedName>
    <definedName name="Macro8" localSheetId="2">[140]!Macro8</definedName>
    <definedName name="Macro9" localSheetId="2">[140]!Macro9</definedName>
    <definedName name="Material" localSheetId="2">#REF!</definedName>
    <definedName name="MD" localSheetId="2">#REF!</definedName>
    <definedName name="Module.Prix_SMC" localSheetId="2">'[206]报价汇总表 '!Module.Prix_SMC</definedName>
    <definedName name="Modules" localSheetId="2">#REF!</definedName>
    <definedName name="MOK_DO_GONG" localSheetId="2">#REF!</definedName>
    <definedName name="MOK_GONG" localSheetId="2">#REF!</definedName>
    <definedName name="MONEY" localSheetId="2">#REF!,#REF!</definedName>
    <definedName name="MOTOR" localSheetId="2">#REF!</definedName>
    <definedName name="ms" localSheetId="2">#REF!</definedName>
    <definedName name="msc" localSheetId="2">#REF!</definedName>
    <definedName name="n" localSheetId="2" hidden="1">#REF!</definedName>
    <definedName name="N1S" localSheetId="2">#REF!</definedName>
    <definedName name="N2S" localSheetId="2">#REF!</definedName>
    <definedName name="N3S" localSheetId="2">#REF!</definedName>
    <definedName name="NAME" localSheetId="2">#REF!</definedName>
    <definedName name="NDO" localSheetId="2">#REF!</definedName>
    <definedName name="NK" localSheetId="2">#REF!</definedName>
    <definedName name="NO" localSheetId="2">#REF!</definedName>
    <definedName name="NPI" localSheetId="2">#REF!</definedName>
    <definedName name="ns" localSheetId="2">#REF!</definedName>
    <definedName name="NSH" localSheetId="2">#REF!</definedName>
    <definedName name="NSO" localSheetId="2">#REF!</definedName>
    <definedName name="o" localSheetId="2">#REF!</definedName>
    <definedName name="OOO" localSheetId="2">#REF!</definedName>
    <definedName name="Pad_1" localSheetId="2">#REF!</definedName>
    <definedName name="PC_Pile" localSheetId="2">#REF!</definedName>
    <definedName name="Period_Const" localSheetId="2">#REF!</definedName>
    <definedName name="Pile_Driving" localSheetId="2">#REF!</definedName>
    <definedName name="PLANT_BAE_GWAN_GONG" localSheetId="2">#REF!</definedName>
    <definedName name="PLANT_GI_GAE_SUL_CHI_GONG" localSheetId="2">#REF!</definedName>
    <definedName name="PLANT_JE_GWAN_GONG" localSheetId="2">#REF!</definedName>
    <definedName name="PLANT_JUN_GONG" localSheetId="2">#REF!</definedName>
    <definedName name="PLANT_YONG_JUB_GONG" localSheetId="2">#REF!</definedName>
    <definedName name="plast" localSheetId="2">#REF!</definedName>
    <definedName name="PPP" localSheetId="2">#REF!</definedName>
    <definedName name="pps" localSheetId="2">#REF!</definedName>
    <definedName name="PRICE" localSheetId="2">#REF!</definedName>
    <definedName name="PRIN_TITLES" localSheetId="2">#REF!</definedName>
    <definedName name="_xlnm.Print_Area" localSheetId="2">'党群服务中心 （旭景西街194号，271㎡）-氛围'!$A$1:$H$136</definedName>
    <definedName name="Print_Area\C" localSheetId="2">#REF!</definedName>
    <definedName name="Print_Area_MI" localSheetId="2">#REF!</definedName>
    <definedName name="PRINT_AREA_MI1" localSheetId="2">#REF!</definedName>
    <definedName name="_xlnm.Print_Titles" localSheetId="2">'党群服务中心 （旭景西街194号，271㎡）-氛围'!$1:$5</definedName>
    <definedName name="Print_Titles_MI" localSheetId="2">#REF!</definedName>
    <definedName name="PRINT_TITLES_MI1" localSheetId="2">#REF!</definedName>
    <definedName name="ps" localSheetId="2">#REF!</definedName>
    <definedName name="PUMP" localSheetId="2">#REF!</definedName>
    <definedName name="QQQ" localSheetId="2">#REF!</definedName>
    <definedName name="RATE" localSheetId="2">#REF!</definedName>
    <definedName name="RE2WERT" localSheetId="2">BlankMacro1</definedName>
    <definedName name="Rebar" localSheetId="2">#REF!</definedName>
    <definedName name="Recorder" localSheetId="2" hidden="1">#REF!</definedName>
    <definedName name="RIBET_GONG" localSheetId="2">#REF!</definedName>
    <definedName name="RRR" localSheetId="2">#REF!</definedName>
    <definedName name="sd" localSheetId="2">#REF!</definedName>
    <definedName name="sdg" localSheetId="2" hidden="1">#REF!</definedName>
    <definedName name="sdsss" localSheetId="2">#REF!</definedName>
    <definedName name="SEQCODE" localSheetId="2">#REF!</definedName>
    <definedName name="SFSDFS" localSheetId="2">#REF!</definedName>
    <definedName name="SHOP2" localSheetId="2">'[206]措施项目清单与计价表 '!SHOP2</definedName>
    <definedName name="SK" localSheetId="2">#REF!</definedName>
    <definedName name="SKE" localSheetId="2">#REF!</definedName>
    <definedName name="Slab_Connect" localSheetId="2">#REF!</definedName>
    <definedName name="sort" localSheetId="2">#REF!</definedName>
    <definedName name="sort2" localSheetId="2">#REF!</definedName>
    <definedName name="SP" localSheetId="2">#REF!</definedName>
    <definedName name="SPEC" localSheetId="2">#REF!</definedName>
    <definedName name="ss" localSheetId="2">'[206]措施项目清单与计价表 '!ss</definedName>
    <definedName name="SSSS" localSheetId="2">'[206]措施项目清单与计价表 '!SSSS</definedName>
    <definedName name="Story_Total" localSheetId="2">#REF!</definedName>
    <definedName name="Struct_Type" localSheetId="2">#REF!</definedName>
    <definedName name="SUMMARY" localSheetId="2" hidden="1">#REF!</definedName>
    <definedName name="SUMMARYT" localSheetId="2" hidden="1">#REF!</definedName>
    <definedName name="SV" localSheetId="2">#REF!</definedName>
    <definedName name="SWL" localSheetId="2">#REF!</definedName>
    <definedName name="SWR" localSheetId="2">#REF!</definedName>
    <definedName name="T10M" localSheetId="2">#REF!</definedName>
    <definedName name="T10P" localSheetId="2">#REF!</definedName>
    <definedName name="T11M" localSheetId="2">#REF!</definedName>
    <definedName name="T11P" localSheetId="2">#REF!</definedName>
    <definedName name="T12M" localSheetId="2">#REF!</definedName>
    <definedName name="T12P" localSheetId="2">#REF!</definedName>
    <definedName name="T13M" localSheetId="2">#REF!</definedName>
    <definedName name="T13P" localSheetId="2">#REF!</definedName>
    <definedName name="T14M" localSheetId="2">#REF!</definedName>
    <definedName name="T14P" localSheetId="2">#REF!</definedName>
    <definedName name="T15M" localSheetId="2">#REF!</definedName>
    <definedName name="T15P" localSheetId="2">#REF!</definedName>
    <definedName name="T16M" localSheetId="2">#REF!</definedName>
    <definedName name="T16P" localSheetId="2">#REF!</definedName>
    <definedName name="T17M" localSheetId="2">#REF!</definedName>
    <definedName name="T17P" localSheetId="2">#REF!</definedName>
    <definedName name="T18M" localSheetId="2">#REF!</definedName>
    <definedName name="T18P" localSheetId="2">#REF!</definedName>
    <definedName name="T19M" localSheetId="2">#REF!</definedName>
    <definedName name="T19P" localSheetId="2">#REF!</definedName>
    <definedName name="T1E" localSheetId="2">#REF!</definedName>
    <definedName name="T1M" localSheetId="2">#REF!</definedName>
    <definedName name="T1P" localSheetId="2">#REF!</definedName>
    <definedName name="T1S" localSheetId="2">#REF!</definedName>
    <definedName name="T20M" localSheetId="2">#REF!</definedName>
    <definedName name="T20P" localSheetId="2">#REF!</definedName>
    <definedName name="T21M" localSheetId="2">#REF!</definedName>
    <definedName name="T21P" localSheetId="2">#REF!</definedName>
    <definedName name="T22E" localSheetId="2">#REF!</definedName>
    <definedName name="T23M" localSheetId="2">#REF!</definedName>
    <definedName name="T23P" localSheetId="2">#REF!</definedName>
    <definedName name="T24M" localSheetId="2">#REF!</definedName>
    <definedName name="T24P" localSheetId="2">#REF!</definedName>
    <definedName name="T2E" localSheetId="2">#REF!</definedName>
    <definedName name="T2M" localSheetId="2">#REF!</definedName>
    <definedName name="T2P" localSheetId="2">#REF!</definedName>
    <definedName name="T2S" localSheetId="2">#REF!</definedName>
    <definedName name="T3P" localSheetId="2">#REF!</definedName>
    <definedName name="T3S" localSheetId="2">#REF!</definedName>
    <definedName name="T4M" localSheetId="2">#REF!</definedName>
    <definedName name="T4P" localSheetId="2">#REF!</definedName>
    <definedName name="T5M" localSheetId="2">#REF!</definedName>
    <definedName name="T5P" localSheetId="2">#REF!</definedName>
    <definedName name="T6M" localSheetId="2">#REF!</definedName>
    <definedName name="T6P" localSheetId="2">#REF!</definedName>
    <definedName name="T7M" localSheetId="2">#REF!</definedName>
    <definedName name="T7P" localSheetId="2">#REF!</definedName>
    <definedName name="T8M" localSheetId="2">#REF!</definedName>
    <definedName name="T8P" localSheetId="2">#REF!</definedName>
    <definedName name="T9M" localSheetId="2">#REF!</definedName>
    <definedName name="T9P" localSheetId="2">#REF!</definedName>
    <definedName name="TITLE" localSheetId="2">#REF!</definedName>
    <definedName name="TK_BYUL_IN_BU" localSheetId="2">#REF!</definedName>
    <definedName name="TMO" localSheetId="2">#REF!</definedName>
    <definedName name="Total_Floor_Area" localSheetId="2">#REF!</definedName>
    <definedName name="tr" localSheetId="2" hidden="1">#REF!</definedName>
    <definedName name="TT" localSheetId="2">#REF!</definedName>
    <definedName name="TTT" localSheetId="2">#REF!</definedName>
    <definedName name="tuchal" localSheetId="2">#REF!</definedName>
    <definedName name="TW" localSheetId="2">#REF!</definedName>
    <definedName name="TWL" localSheetId="2">#REF!</definedName>
    <definedName name="TWR" localSheetId="2">#REF!</definedName>
    <definedName name="TYPE" localSheetId="2">#REF!</definedName>
    <definedName name="TYPEEA" localSheetId="2">#REF!</definedName>
    <definedName name="UNIT" localSheetId="2">#REF!</definedName>
    <definedName name="VAFP" localSheetId="2">#REF!</definedName>
    <definedName name="VBV" localSheetId="2">#REF!</definedName>
    <definedName name="VCR" localSheetId="2">#REF!</definedName>
    <definedName name="VDSVP" localSheetId="2">#REF!</definedName>
    <definedName name="VHAF" localSheetId="2">#REF!</definedName>
    <definedName name="VHMF" localSheetId="2">#REF!</definedName>
    <definedName name="VMF" localSheetId="2">#REF!</definedName>
    <definedName name="VMOTOR" localSheetId="2">#REF!</definedName>
    <definedName name="VPUMP" localSheetId="2">#REF!</definedName>
    <definedName name="VSV" localSheetId="2">#REF!</definedName>
    <definedName name="VVAFP" localSheetId="2">#REF!</definedName>
    <definedName name="VVMF" localSheetId="2">#REF!</definedName>
    <definedName name="VVV" localSheetId="2">#REF!</definedName>
    <definedName name="VWEI" localSheetId="2">#REF!</definedName>
    <definedName name="w" localSheetId="2">#REF!</definedName>
    <definedName name="W.SHOP" localSheetId="2">'[206]措施项目清单与计价表 '!W.SHOP</definedName>
    <definedName name="wall" localSheetId="2">#REF!</definedName>
    <definedName name="WEI" localSheetId="2">#REF!</definedName>
    <definedName name="Work_Description" localSheetId="2">#REF!</definedName>
    <definedName name="WSO" localSheetId="2">#REF!</definedName>
    <definedName name="WW" localSheetId="2">#REF!</definedName>
    <definedName name="wwwwwwwwwww" localSheetId="2" hidden="1">#REF!</definedName>
    <definedName name="X9701D_일위대가_List" localSheetId="2">#REF!</definedName>
    <definedName name="XA" localSheetId="2">#REF!</definedName>
    <definedName name="XLRPARAMS_BZSJ" localSheetId="2" hidden="1">#REF!</definedName>
    <definedName name="XLRPARAMS_FDDBR" localSheetId="2" hidden="1">#REF!</definedName>
    <definedName name="XLRPARAMS_QDH" localSheetId="2" hidden="1">#REF!</definedName>
    <definedName name="XLRPARAMS_TBR" localSheetId="2" hidden="1">#REF!</definedName>
    <definedName name="XLRPARAMS_ZBR" localSheetId="2" hidden="1">#REF!</definedName>
    <definedName name="XLRPARAMS_ZJH" localSheetId="2" hidden="1">#REF!</definedName>
    <definedName name="XLRPARAMS_ZYMC" localSheetId="2" hidden="1">#REF!</definedName>
    <definedName name="XS" localSheetId="2">#REF!</definedName>
    <definedName name="xx" localSheetId="2" hidden="1">#REF!</definedName>
    <definedName name="xxx" localSheetId="2" hidden="1">#REF!</definedName>
    <definedName name="XZ" localSheetId="2">#REF!</definedName>
    <definedName name="YONG_JUB_GONG" localSheetId="2">#REF!</definedName>
    <definedName name="YOO" localSheetId="2">#REF!</definedName>
    <definedName name="yoo10" localSheetId="2">#REF!</definedName>
    <definedName name="yoo2" localSheetId="2">#REF!</definedName>
    <definedName name="yoo3" localSheetId="2">#REF!</definedName>
    <definedName name="yoo4" localSheetId="2">#REF!</definedName>
    <definedName name="YOO5" localSheetId="2">#REF!</definedName>
    <definedName name="YOO6" localSheetId="2">#REF!</definedName>
    <definedName name="YOO7" localSheetId="2">#REF!</definedName>
    <definedName name="yoo8" localSheetId="2">#REF!</definedName>
    <definedName name="YOO9" localSheetId="2">#REF!</definedName>
    <definedName name="YOON" localSheetId="2">#REF!</definedName>
    <definedName name="YOON2" localSheetId="2">#REF!</definedName>
    <definedName name="YOON3" localSheetId="2">#REF!</definedName>
    <definedName name="YOON4" localSheetId="2">#REF!</definedName>
    <definedName name="Z" localSheetId="2">#REF!</definedName>
    <definedName name="Z_0E9FE9F8_6DD2_48FC_9AB4_8E7C3E14C436_.wvu.PrintArea" localSheetId="2" hidden="1">#REF!</definedName>
    <definedName name="Z_0E9FE9F8_6DD2_48FC_9AB4_8E7C3E14C436_.wvu.PrintTitles" localSheetId="2" hidden="1">#REF!</definedName>
    <definedName name="Z6_" localSheetId="2">#REF!</definedName>
    <definedName name="μs" localSheetId="2">#REF!</definedName>
    <definedName name="μs1" localSheetId="2">#REF!</definedName>
    <definedName name="ㄱㅈㅎ" localSheetId="2" hidden="1">#REF!</definedName>
    <definedName name="가설형틀확인서" localSheetId="2">BlankMacro1</definedName>
    <definedName name="가실행" localSheetId="2">#REF!</definedName>
    <definedName name="간접노무비" localSheetId="2">#REF!</definedName>
    <definedName name="간접노무비요율" localSheetId="2">#REF!</definedName>
    <definedName name="간접노무비표" localSheetId="2">#REF!</definedName>
    <definedName name="啊" localSheetId="2">AK+'[76]#REF!'!$B$1:$H$2544</definedName>
    <definedName name="갈빌1호" localSheetId="2">#REF!</definedName>
    <definedName name="갈빌2호" localSheetId="2">#REF!</definedName>
    <definedName name="갈빌3호" localSheetId="2">#REF!</definedName>
    <definedName name="개산분" localSheetId="2">#REF!</definedName>
    <definedName name="避雷" localSheetId="2">#REF!</definedName>
    <definedName name="견" localSheetId="2">#REF!,#REF!</definedName>
    <definedName name="견적" localSheetId="2">Dlog_Show</definedName>
    <definedName name="견적2" localSheetId="2">Dlog_Show</definedName>
    <definedName name="견적품의" localSheetId="2">#REF!</definedName>
    <definedName name="标段一" localSheetId="2">'[206]报价汇总表 '!标段一</definedName>
    <definedName name="标高" localSheetId="2">#REF!</definedName>
    <definedName name="标准层对比2" localSheetId="2">#REF!</definedName>
    <definedName name="경비" localSheetId="2">#REF!</definedName>
    <definedName name="경비1" localSheetId="2" hidden="1">#REF!</definedName>
    <definedName name="경비합" localSheetId="2">#REF!</definedName>
    <definedName name="경상비" localSheetId="2">#REF!</definedName>
    <definedName name="表面氟碳喷涂" localSheetId="2">#REF!</definedName>
    <definedName name="玻璃" localSheetId="2">#REF!</definedName>
    <definedName name="玻璃规格" localSheetId="2">#REF!</definedName>
    <definedName name="玻璃索引" localSheetId="2">#REF!</definedName>
    <definedName name="공구" localSheetId="2">#REF!</definedName>
    <definedName name="공구손료" localSheetId="2">#REF!</definedName>
    <definedName name="공급가액" localSheetId="2">#REF!</definedName>
    <definedName name="공사명" localSheetId="2">#REF!</definedName>
    <definedName name="공사비" localSheetId="2">#REF!</definedName>
    <definedName name="공사원가" localSheetId="2">#REF!</definedName>
    <definedName name="공종" localSheetId="2">#REF!</definedName>
    <definedName name="공종갯수" localSheetId="2">#REF!</definedName>
    <definedName name="공종별" localSheetId="2">Dlog_Show</definedName>
    <definedName name="관급" localSheetId="2">#REF!,#REF!,#REF!</definedName>
    <definedName name="관급액" localSheetId="2">#REF!</definedName>
    <definedName name="관급자재대" localSheetId="2">#REF!</definedName>
    <definedName name="관급자재비" localSheetId="2">#REF!</definedName>
    <definedName name="관로연장거리" localSheetId="2">#REF!</definedName>
    <definedName name="관정지반고" localSheetId="2">#REF!</definedName>
    <definedName name="不好" localSheetId="2">#REF!</definedName>
    <definedName name="不利分格高" localSheetId="2">#REF!</definedName>
    <definedName name="不利风格宽" localSheetId="2">#REF!</definedName>
    <definedName name="才" localSheetId="2">AK+'[76]#REF!'!$B$1:$H$2544</definedName>
    <definedName name="层高" localSheetId="2">#REF!</definedName>
    <definedName name="层间防火隔断" localSheetId="2">#REF!</definedName>
    <definedName name="层间防火隔断用料" localSheetId="2">#REF!</definedName>
    <definedName name="구분" localSheetId="2">BlankMacro1</definedName>
    <definedName name="구분1" localSheetId="2">BlankMacro1</definedName>
    <definedName name="구산갑지" localSheetId="2" hidden="1">#REF!</definedName>
    <definedName name="군산" localSheetId="2">#REF!</definedName>
    <definedName name="군유1" localSheetId="2">#REF!</definedName>
    <definedName name="군유2" localSheetId="2">#REF!</definedName>
    <definedName name="군유3" localSheetId="2">#REF!</definedName>
    <definedName name="군유4" localSheetId="2">#REF!</definedName>
    <definedName name="군유5" localSheetId="2">#REF!</definedName>
    <definedName name="군유6" localSheetId="2">#REF!</definedName>
    <definedName name="군유7" localSheetId="2">#REF!</definedName>
    <definedName name="권" localSheetId="2">'[206]措施项目清单与计价表 '!권</definedName>
    <definedName name="권종원" localSheetId="2">'[206]措施项目清单与计价表 '!권종원</definedName>
    <definedName name="규격수" localSheetId="2">#REF!</definedName>
    <definedName name="기계3" localSheetId="2">BlankMacro1</definedName>
    <definedName name="기준" localSheetId="2">#REF!</definedName>
    <definedName name="기초데이타" localSheetId="2">#REF!</definedName>
    <definedName name="기초액" localSheetId="2">#REF!</definedName>
    <definedName name="기타경비" localSheetId="2">#REF!</definedName>
    <definedName name="기타경비요율" localSheetId="2">#REF!</definedName>
    <definedName name="기타경비표" localSheetId="2">#REF!</definedName>
    <definedName name="次料库" localSheetId="2">AK+'[76]#REF!'!$B$1:$H$2544</definedName>
    <definedName name="김세일" localSheetId="2">'[206]措施项目清单与计价表 '!김세일</definedName>
    <definedName name="김일" localSheetId="2">'[206]措施项目清单与计价表 '!김일</definedName>
    <definedName name="粗糙索引" localSheetId="2">#REF!</definedName>
    <definedName name="代号" localSheetId="2">#REF!</definedName>
    <definedName name="地" localSheetId="2">#REF!</definedName>
    <definedName name="地方" localSheetId="2">PUR资料+'[76]#REF!'!$B$7:$AV$3185</definedName>
    <definedName name="地震烈度" localSheetId="2">#REF!</definedName>
    <definedName name="二" localSheetId="2">'[206]报价汇总表 '!二</definedName>
    <definedName name="分析表" localSheetId="2">[72]!分析表</definedName>
    <definedName name="封面2" localSheetId="2">#REF!</definedName>
    <definedName name="蜂窝铝板" localSheetId="2">#REF!</definedName>
    <definedName name="附加赛" localSheetId="2">#REF!</definedName>
    <definedName name="复合铝板" localSheetId="2">#REF!</definedName>
    <definedName name="概算表" localSheetId="2">#REF!</definedName>
    <definedName name="钢构件" localSheetId="2">#REF!</definedName>
    <definedName name="高度变化系数" localSheetId="2">#REF!</definedName>
    <definedName name="工程编号" localSheetId="2">#REF!</definedName>
    <definedName name="工程名称" localSheetId="2">#REF!</definedName>
    <definedName name="ㄴ" localSheetId="2">#REF!</definedName>
    <definedName name="ㄴㄱㄹ" localSheetId="2" hidden="1">#REF!</definedName>
    <definedName name="ㄴㄴ" localSheetId="2">#REF!</definedName>
    <definedName name="ㄴㄴㄴ" localSheetId="2">#REF!</definedName>
    <definedName name="ㄴㄴㄴㄴ" localSheetId="2">#REF!</definedName>
    <definedName name="ㄴㄴㄴㄴㄴ" localSheetId="2">#REF!</definedName>
    <definedName name="ㄴㅁ" localSheetId="2" hidden="1">#REF!</definedName>
    <definedName name="나." localSheetId="2">#REF!</definedName>
    <definedName name="나야" localSheetId="2">#REF!</definedName>
    <definedName name="남산1호" localSheetId="2">#REF!</definedName>
    <definedName name="남산2호" localSheetId="2">#REF!</definedName>
    <definedName name="내고" localSheetId="2">#REF!</definedName>
    <definedName name="내역서" localSheetId="2">#REF!</definedName>
    <definedName name="哈哈" localSheetId="2">#REF!</definedName>
    <definedName name="含量表" localSheetId="2">#REF!</definedName>
    <definedName name="好" localSheetId="2">#REF!</definedName>
    <definedName name="呵呵" localSheetId="2">#REF!</definedName>
    <definedName name="노" localSheetId="2">'[206]措施项目清单与计价表 '!노</definedName>
    <definedName name="노곡1호" localSheetId="2">#REF!</definedName>
    <definedName name="노곡2호" localSheetId="2">#REF!</definedName>
    <definedName name="노곡3호" localSheetId="2">#REF!</definedName>
    <definedName name="노곡4호" localSheetId="2">#REF!</definedName>
    <definedName name="노무비" localSheetId="2">#REF!</definedName>
    <definedName name="노무비합" localSheetId="2">#REF!</definedName>
    <definedName name="노부비" localSheetId="2">#REF!</definedName>
    <definedName name="노임" localSheetId="2">#REF!</definedName>
    <definedName name="노임1" localSheetId="2">BlankMacro1</definedName>
    <definedName name="농원1호" localSheetId="2">#REF!</definedName>
    <definedName name="농원2호" localSheetId="2">#REF!</definedName>
    <definedName name="胶条" localSheetId="2">#REF!</definedName>
    <definedName name="结构胶" localSheetId="2">#REF!</definedName>
    <definedName name="结果" localSheetId="2">#REF!</definedName>
    <definedName name="다." localSheetId="2">#REF!</definedName>
    <definedName name="단가" localSheetId="2">#REF!</definedName>
    <definedName name="단가2" localSheetId="2">#REF!,#REF!</definedName>
    <definedName name="단가비교표" localSheetId="2">#REF!,#REF!</definedName>
    <definedName name="단가산출" localSheetId="2">#REF!</definedName>
    <definedName name="단가적용표" localSheetId="2">#REF!</definedName>
    <definedName name="대가" localSheetId="2">#REF!,#REF!</definedName>
    <definedName name="대구" localSheetId="2">#REF!</definedName>
    <definedName name="类型" localSheetId="2">#REF!</definedName>
    <definedName name="덕산1호" localSheetId="2">#REF!</definedName>
    <definedName name="덕산2호" localSheetId="2">#REF!</definedName>
    <definedName name="덕산3호" localSheetId="2">#REF!</definedName>
    <definedName name="덕산4호" localSheetId="2">#REF!</definedName>
    <definedName name="덕수" localSheetId="2">'[206]措施项目清单与计价表 '!덕수</definedName>
    <definedName name="덕전1호" localSheetId="2">#REF!</definedName>
    <definedName name="덕전2호" localSheetId="2">#REF!</definedName>
    <definedName name="덕전3호" localSheetId="2">#REF!</definedName>
    <definedName name="덕지1호" localSheetId="2">#REF!</definedName>
    <definedName name="덕천1호" localSheetId="2">#REF!</definedName>
    <definedName name="덕천2호" localSheetId="2">#REF!</definedName>
    <definedName name="덕천3호" localSheetId="2">#REF!</definedName>
    <definedName name="덕천4호" localSheetId="2">#REF!</definedName>
    <definedName name="도공100미" localSheetId="2">#REF!</definedName>
    <definedName name="도공100억" localSheetId="2">#REF!</definedName>
    <definedName name="도급공사" localSheetId="2">#REF!</definedName>
    <definedName name="도급공사비" localSheetId="2">#REF!</definedName>
    <definedName name="도급예산액" localSheetId="2">#REF!</definedName>
    <definedName name="도급예상액" localSheetId="2">#REF!</definedName>
    <definedName name="도장면적" localSheetId="2">#REF!</definedName>
    <definedName name="도장면적가공" localSheetId="2">#REF!</definedName>
    <definedName name="도장면적가공1" localSheetId="2">#REF!</definedName>
    <definedName name="동두천" localSheetId="2">#REF!</definedName>
    <definedName name="螺栓" localSheetId="2">#REF!</definedName>
    <definedName name="铝板" localSheetId="2">#REF!</definedName>
    <definedName name="铝单板" localSheetId="2">#REF!</definedName>
    <definedName name="두기1" localSheetId="2">#REF!</definedName>
    <definedName name="두기1호" localSheetId="2">#REF!</definedName>
    <definedName name="두기2" localSheetId="2">#REF!</definedName>
    <definedName name="두기2호" localSheetId="2">#REF!</definedName>
    <definedName name="두기3" localSheetId="2">#REF!</definedName>
    <definedName name="두기3호" localSheetId="2">#REF!</definedName>
    <definedName name="磨擦铰链" localSheetId="2">#REF!</definedName>
    <definedName name="耐候胶" localSheetId="2">#REF!</definedName>
    <definedName name="你好" localSheetId="2">#REF!</definedName>
    <definedName name="其他辅料" localSheetId="2">#REF!</definedName>
    <definedName name="其他胶" localSheetId="2">#REF!</definedName>
    <definedName name="ㄹ" localSheetId="2">#REF!</definedName>
    <definedName name="ㄹㄹ" localSheetId="2">#REF!</definedName>
    <definedName name="ㄹㄹㄹ" localSheetId="2">#REF!</definedName>
    <definedName name="ㄹㄹㄹㄹ" localSheetId="2">#REF!</definedName>
    <definedName name="ㄹㄹㄹㄹㄹ" localSheetId="2">#REF!</definedName>
    <definedName name="ㄹㄹㄹㄹㄹㄹ" localSheetId="2">#REF!</definedName>
    <definedName name="ㄹㄹㄹㄹㄹㄹㄹ" localSheetId="2">#REF!</definedName>
    <definedName name="ㄹㄹㄹㄹㄹㄹㄹㄹㄹㄹㄹ" localSheetId="2">#REF!</definedName>
    <definedName name="ㄹㄹㄹㄹㄹㄹㄹㄹㄹㄹㄹㄹㄹㄹㄹ" localSheetId="2">#REF!</definedName>
    <definedName name="ㄹ호" localSheetId="2" hidden="1">#REF!</definedName>
    <definedName name="石材" localSheetId="2">#REF!</definedName>
    <definedName name="是" localSheetId="2">AK+'[76]#REF!'!$B$1:$H$2544</definedName>
    <definedName name="室外地坪标高" localSheetId="2">#REF!</definedName>
    <definedName name="体型系数" localSheetId="2">#REF!</definedName>
    <definedName name="ㅁㄴ" localSheetId="2" hidden="1">#REF!</definedName>
    <definedName name="ㅁㅁㅁ" localSheetId="2">#REF!</definedName>
    <definedName name="ㅁㅁㅁㅁㅁㅁ" localSheetId="2" hidden="1">#REF!</definedName>
    <definedName name="ㅁㅇ" localSheetId="2">#REF!</definedName>
    <definedName name="마" localSheetId="2">'[206]措施项目清单与计价表 '!마</definedName>
    <definedName name="外委加工.dbf" localSheetId="2">#REF!</definedName>
    <definedName name="멘트" localSheetId="2">#REF!</definedName>
    <definedName name="文件名称" localSheetId="2">#REF!</definedName>
    <definedName name="五金配件" localSheetId="2">#REF!</definedName>
    <definedName name="모래" localSheetId="2">#REF!</definedName>
    <definedName name="모래1" localSheetId="2">#REF!</definedName>
    <definedName name="想" localSheetId="2">AK+'[76]#REF!'!$B$1:$H$2544</definedName>
    <definedName name="型材" localSheetId="2">#REF!</definedName>
    <definedName name="무농1호" localSheetId="2">#REF!</definedName>
    <definedName name="무농2호" localSheetId="2">#REF!</definedName>
    <definedName name="박경희" localSheetId="2">#REF!</definedName>
    <definedName name="번들1호" localSheetId="2">#REF!</definedName>
    <definedName name="번들2호" localSheetId="2">#REF!</definedName>
    <definedName name="번들3호" localSheetId="2">#REF!</definedName>
    <definedName name="阵风系数" localSheetId="2">#REF!</definedName>
    <definedName name="资料库2" localSheetId="2">PUR资料+'[76]#REF!'!$B$7:$AV$3185</definedName>
    <definedName name="综合单价1" localSheetId="2">#REF!</definedName>
    <definedName name="부가가치세" localSheetId="2">#REF!</definedName>
    <definedName name="부가가치세요율" localSheetId="2">#REF!</definedName>
    <definedName name="부가가치표" localSheetId="2">#REF!</definedName>
    <definedName name="부대" localSheetId="2">#REF!</definedName>
    <definedName name="부대내역비교" localSheetId="2">#REF!</definedName>
    <definedName name="부대사항" localSheetId="2">#REF!</definedName>
    <definedName name="부토" localSheetId="2">Dlog_Show</definedName>
    <definedName name="最大地震加速度" localSheetId="2">#REF!</definedName>
    <definedName name="분석" localSheetId="2">#REF!</definedName>
    <definedName name="비계" localSheetId="2">#REF!</definedName>
    <definedName name="비교표2" localSheetId="2" hidden="1">#REF!</definedName>
    <definedName name="비목1" localSheetId="2">#REF!</definedName>
    <definedName name="비목2" localSheetId="2">#REF!</definedName>
    <definedName name="비목3" localSheetId="2">#REF!</definedName>
    <definedName name="비목4" localSheetId="2">#REF!</definedName>
    <definedName name="ㅅㅅ" localSheetId="2">#REF!</definedName>
    <definedName name="사" localSheetId="2" hidden="1">#REF!</definedName>
    <definedName name="산재보험료" localSheetId="2">#REF!</definedName>
    <definedName name="산재보험료요율" localSheetId="2">#REF!</definedName>
    <definedName name="산재보험료표" localSheetId="2">#REF!</definedName>
    <definedName name="산출" localSheetId="2">#REF!</definedName>
    <definedName name="산출경비" localSheetId="2">#REF!</definedName>
    <definedName name="산출근거" localSheetId="2">BlankMacro1</definedName>
    <definedName name="삼" localSheetId="2">#REF!</definedName>
    <definedName name="상림1호" localSheetId="2">#REF!</definedName>
    <definedName name="상림2호" localSheetId="2">#REF!</definedName>
    <definedName name="상림3호" localSheetId="2">#REF!</definedName>
    <definedName name="생사1호" localSheetId="2">#REF!</definedName>
    <definedName name="생사2호" localSheetId="2">#REF!</definedName>
    <definedName name="생사기존" localSheetId="2">#REF!</definedName>
    <definedName name="서울" localSheetId="2">#REF!</definedName>
    <definedName name="선량1호" localSheetId="2">#REF!</definedName>
    <definedName name="선량2호" localSheetId="2">#REF!</definedName>
    <definedName name="선량3호" localSheetId="2">#REF!</definedName>
    <definedName name="선량4호" localSheetId="2">#REF!</definedName>
    <definedName name="선량5호" localSheetId="2">#REF!</definedName>
    <definedName name="설계사" localSheetId="2">#REF!</definedName>
    <definedName name="설계삼" localSheetId="2">#REF!</definedName>
    <definedName name="설계오" localSheetId="2">#REF!</definedName>
    <definedName name="설계육" localSheetId="2">#REF!</definedName>
    <definedName name="설계이" localSheetId="2">#REF!</definedName>
    <definedName name="성산1호" localSheetId="2">#REF!</definedName>
    <definedName name="성산2호" localSheetId="2">#REF!</definedName>
    <definedName name="성산3호" localSheetId="2">#REF!</definedName>
    <definedName name="성산4호" localSheetId="2">#REF!</definedName>
    <definedName name="성산5호" localSheetId="2">#REF!</definedName>
    <definedName name="세일" localSheetId="2">'[206]措施项目清单与计价表 '!세일</definedName>
    <definedName name="송수관로구경" localSheetId="2">#REF!</definedName>
    <definedName name="송천1" localSheetId="2">#REF!</definedName>
    <definedName name="송천2" localSheetId="2">#REF!</definedName>
    <definedName name="수량산출" localSheetId="2">BlankMacro1</definedName>
    <definedName name="수량산출2" localSheetId="2">BlankMacro1</definedName>
    <definedName name="수량산출5" localSheetId="2">BlankMacro1</definedName>
    <definedName name="수중모타1" localSheetId="2">#REF!</definedName>
    <definedName name="수중모타10" localSheetId="2">#REF!</definedName>
    <definedName name="수중모타15" localSheetId="2">#REF!</definedName>
    <definedName name="수중모타2" localSheetId="2">#REF!</definedName>
    <definedName name="수중모타20" localSheetId="2">#REF!</definedName>
    <definedName name="수중모타25" localSheetId="2">#REF!</definedName>
    <definedName name="수중모타3" localSheetId="2">#REF!</definedName>
    <definedName name="수중모타30" localSheetId="2">#REF!</definedName>
    <definedName name="수중모타5" localSheetId="2">#REF!</definedName>
    <definedName name="수중모타7.5" localSheetId="2">#REF!</definedName>
    <definedName name="수중모터펌프단가" localSheetId="2">#REF!</definedName>
    <definedName name="수중케이블단가" localSheetId="2">#REF!</definedName>
    <definedName name="수행능력" localSheetId="2">#REF!</definedName>
    <definedName name="순공사비" localSheetId="2">#REF!</definedName>
    <definedName name="순공사원가" localSheetId="2">#REF!</definedName>
    <definedName name="시" localSheetId="2">#REF!</definedName>
    <definedName name="신성1" localSheetId="2">#REF!</definedName>
    <definedName name="신성2" localSheetId="2">#REF!</definedName>
    <definedName name="신성3" localSheetId="2">#REF!</definedName>
    <definedName name="신성4" localSheetId="2">#REF!</definedName>
    <definedName name="신성5" localSheetId="2">#REF!</definedName>
    <definedName name="신성6" localSheetId="2">#REF!</definedName>
    <definedName name="신성7" localSheetId="2">#REF!</definedName>
    <definedName name="신청서4" localSheetId="2">BlankMacro1</definedName>
    <definedName name="신흥1호" localSheetId="2">#REF!</definedName>
    <definedName name="신흥2호" localSheetId="2">#REF!</definedName>
    <definedName name="실경상" localSheetId="2">#REF!</definedName>
    <definedName name="실투입대비" localSheetId="2">BlankMacro1</definedName>
    <definedName name="실행" localSheetId="2">#REF!</definedName>
    <definedName name="실행검토" localSheetId="2" hidden="1">#REF!</definedName>
    <definedName name="실행예상액" localSheetId="2" hidden="1">#REF!</definedName>
    <definedName name="실행집계" localSheetId="2">#REF!</definedName>
    <definedName name="ㅇㄹ" localSheetId="2" hidden="1">#REF!</definedName>
    <definedName name="ㅇㅇ" localSheetId="2">#REF!</definedName>
    <definedName name="ㅇㅇㅇ" localSheetId="2">#REF!</definedName>
    <definedName name="아" localSheetId="2">'[206]措施项目清单与计价表 '!아</definedName>
    <definedName name="아연도강관단가" localSheetId="2">#REF!</definedName>
    <definedName name="아연도배관단가" localSheetId="2">#REF!</definedName>
    <definedName name="아연도배관자재" localSheetId="2">#REF!</definedName>
    <definedName name="안녕" localSheetId="2">'[206]措施项目清单与计价表 '!안녕</definedName>
    <definedName name="안방1호" localSheetId="2">#REF!</definedName>
    <definedName name="안방2호" localSheetId="2">#REF!</definedName>
    <definedName name="안전관리비" localSheetId="2">#REF!</definedName>
    <definedName name="안전관리비요율" localSheetId="2">#REF!</definedName>
    <definedName name="안전관리비표" localSheetId="2">#REF!</definedName>
    <definedName name="안정수위" localSheetId="2">#REF!</definedName>
    <definedName name="안주" localSheetId="2">'[206]措施项目清单与计价表 '!안주</definedName>
    <definedName name="앞들1호" localSheetId="2">#REF!</definedName>
    <definedName name="앞들2호" localSheetId="2">#REF!</definedName>
    <definedName name="양수량" localSheetId="2">#REF!</definedName>
    <definedName name="양식" localSheetId="2">#REF!</definedName>
    <definedName name="업체" localSheetId="2" hidden="1">#REF!</definedName>
    <definedName name="오산" localSheetId="2">#REF!</definedName>
    <definedName name="오주1호" localSheetId="2">#REF!</definedName>
    <definedName name="오주2호" localSheetId="2">#REF!</definedName>
    <definedName name="오주3호" localSheetId="2">#REF!</definedName>
    <definedName name="오주4호" localSheetId="2">#REF!</definedName>
    <definedName name="왕암내역" localSheetId="2">#REF!</definedName>
    <definedName name="요동1호" localSheetId="2">#REF!</definedName>
    <definedName name="요동2호" localSheetId="2">#REF!</definedName>
    <definedName name="용접" localSheetId="2">#REF!</definedName>
    <definedName name="우산" localSheetId="2">#REF!</definedName>
    <definedName name="운반중량산출2" localSheetId="2">#REF!</definedName>
    <definedName name="운암" localSheetId="2">#REF!</definedName>
    <definedName name="운호1호" localSheetId="2">#REF!</definedName>
    <definedName name="운호2호" localSheetId="2">#REF!</definedName>
    <definedName name="운호3호" localSheetId="2">#REF!</definedName>
    <definedName name="울산프랜지" localSheetId="2">#REF!</definedName>
    <definedName name="원가계산" localSheetId="2">'[206]措施项目清单与计价表 '!원가계산</definedName>
    <definedName name="원가계산명" localSheetId="2">#REF!</definedName>
    <definedName name="원가계산창" localSheetId="2">'[206]措施项目清单与计价表 '!원가계산창</definedName>
    <definedName name="원운1호" localSheetId="2">#REF!</definedName>
    <definedName name="원운2호" localSheetId="2">#REF!</definedName>
    <definedName name="육" localSheetId="2">#REF!</definedName>
    <definedName name="육리1호" localSheetId="2">#REF!</definedName>
    <definedName name="육리2호" localSheetId="2">#REF!</definedName>
    <definedName name="은산1호" localSheetId="2">#REF!</definedName>
    <definedName name="은산2호" localSheetId="2">#REF!</definedName>
    <definedName name="은산3호" localSheetId="2">#REF!</definedName>
    <definedName name="은산4호" localSheetId="2">#REF!</definedName>
    <definedName name="의무비" localSheetId="2">#REF!</definedName>
    <definedName name="의정부" localSheetId="2">#REF!</definedName>
    <definedName name="이" localSheetId="2">#REF!</definedName>
    <definedName name="이미" localSheetId="2">'[206]措施项目清单与计价表 '!이미</definedName>
    <definedName name="이미도" localSheetId="2">'[206]措施项目清单与计价表 '!이미도</definedName>
    <definedName name="이윤" localSheetId="2">#REF!</definedName>
    <definedName name="이윤요율" localSheetId="2">#REF!</definedName>
    <definedName name="이윤표" localSheetId="2">#REF!</definedName>
    <definedName name="이희선" localSheetId="2">#REF!,#REF!</definedName>
    <definedName name="인공" localSheetId="2">#REF!</definedName>
    <definedName name="인쇄양식" localSheetId="2">'[206]措施项目清单与计价表 '!인쇄양식</definedName>
    <definedName name="인입공사비" localSheetId="2">#REF!</definedName>
    <definedName name="일반관리비" localSheetId="2">#REF!</definedName>
    <definedName name="일반관리비요율" localSheetId="2">#REF!</definedName>
    <definedName name="일반관리비표" localSheetId="2">#REF!</definedName>
    <definedName name="일위" localSheetId="2">#REF!,#REF!</definedName>
    <definedName name="일위대가" localSheetId="2">#REF!</definedName>
    <definedName name="일위목록" localSheetId="2">#REF!</definedName>
    <definedName name="입력란" localSheetId="2">#REF!</definedName>
    <definedName name="입력전체" localSheetId="2">#REF!</definedName>
    <definedName name="입안1호" localSheetId="2">#REF!</definedName>
    <definedName name="입안2호" localSheetId="2">#REF!</definedName>
    <definedName name="입안3호" localSheetId="2">#REF!</definedName>
    <definedName name="입안4호" localSheetId="2">#REF!</definedName>
    <definedName name="입안기존2" localSheetId="2">#REF!</definedName>
    <definedName name="자연수위" localSheetId="2">#REF!</definedName>
    <definedName name="자재" localSheetId="2">#REF!</definedName>
    <definedName name="자재인력조달" localSheetId="2">'[206]措施项目清单与计价表 '!자재인력조달</definedName>
    <definedName name="잡자재비" localSheetId="2">#REF!</definedName>
    <definedName name="장산1" localSheetId="2">#REF!</definedName>
    <definedName name="장산2" localSheetId="2">#REF!</definedName>
    <definedName name="장산3" localSheetId="2">#REF!</definedName>
    <definedName name="장춘" localSheetId="2">#REF!</definedName>
    <definedName name="재료비" localSheetId="2">#REF!</definedName>
    <definedName name="재료비요율" localSheetId="2">#REF!</definedName>
    <definedName name="재료집계3" localSheetId="2">#REF!</definedName>
    <definedName name="저격2" localSheetId="2">#REF!</definedName>
    <definedName name="저수조만수위" localSheetId="2">#REF!</definedName>
    <definedName name="전동기용량" localSheetId="2">#REF!</definedName>
    <definedName name="전선관부속품비" localSheetId="2">#REF!</definedName>
    <definedName name="전장su" localSheetId="2">#REF!</definedName>
    <definedName name="정열범위" localSheetId="2">#REF!</definedName>
    <definedName name="조달예가" localSheetId="2">#REF!</definedName>
    <definedName name="종원" localSheetId="2">'[206]措施项目清单与计价表 '!종원</definedName>
    <definedName name="중량" localSheetId="2">#REF!</definedName>
    <definedName name="중량표" localSheetId="2">#REF!</definedName>
    <definedName name="지동" localSheetId="2">#REF!</definedName>
    <definedName name="지질" localSheetId="2">#REF!</definedName>
    <definedName name="지질2" localSheetId="2">#REF!</definedName>
    <definedName name="직접경비" localSheetId="2">#REF!</definedName>
    <definedName name="직접노무비" localSheetId="2">#REF!</definedName>
    <definedName name="직접노무비요율" localSheetId="2">#REF!</definedName>
    <definedName name="직접비" localSheetId="2">#REF!</definedName>
    <definedName name="직접재료비" localSheetId="2">#REF!</definedName>
    <definedName name="직접재료비합" localSheetId="2">#REF!</definedName>
    <definedName name="직종" localSheetId="2">#REF!</definedName>
    <definedName name="직종명" localSheetId="2">#REF!</definedName>
    <definedName name="진석" localSheetId="2">#REF!,#REF!</definedName>
    <definedName name="ㅊ3" localSheetId="2">#REF!</definedName>
    <definedName name="차체2" localSheetId="2">#REF!</definedName>
    <definedName name="착정심도" localSheetId="2">#REF!</definedName>
    <definedName name="철골공" localSheetId="2">#REF!</definedName>
    <definedName name="철근확인서" localSheetId="2">BlankMacro1</definedName>
    <definedName name="철목1호" localSheetId="2">#REF!</definedName>
    <definedName name="철목2호" localSheetId="2">#REF!</definedName>
    <definedName name="철목3호" localSheetId="2">#REF!</definedName>
    <definedName name="철목4호" localSheetId="2">#REF!</definedName>
    <definedName name="철콘" localSheetId="2">#REF!</definedName>
    <definedName name="철콘견적" localSheetId="2">#REF!</definedName>
    <definedName name="철콘공사" localSheetId="2">'[206]措施项目清单与计价表 '!철콘공사</definedName>
    <definedName name="철콘번호" localSheetId="2">#REF!</definedName>
    <definedName name="청림1호" localSheetId="2">#REF!</definedName>
    <definedName name="청림2호" localSheetId="2">#REF!</definedName>
    <definedName name="청림3호" localSheetId="2">#REF!</definedName>
    <definedName name="총공사비" localSheetId="2">#REF!</definedName>
    <definedName name="총괄" localSheetId="2">#REF!</definedName>
    <definedName name="총괄표" localSheetId="2" hidden="1">#REF!</definedName>
    <definedName name="총괄표0" localSheetId="2" hidden="1">#REF!</definedName>
    <definedName name="총원가" localSheetId="2">#REF!</definedName>
    <definedName name="칠" localSheetId="2">#REF!</definedName>
    <definedName name="ㅌㅌㅌㅌㅌㅌㅌ" localSheetId="2">#REF!</definedName>
    <definedName name="템플리트모듈6" localSheetId="2">Dlog_Show</definedName>
    <definedName name="토" localSheetId="2" hidden="1">#REF!</definedName>
    <definedName name="토목" localSheetId="2">BlankMacro1</definedName>
    <definedName name="투찰서_2" localSheetId="2">'[206]措施项目清单与计价表 '!투찰서_2</definedName>
    <definedName name="투찰서_3" localSheetId="2">'[206]措施项目清单与计价表 '!투찰서_3</definedName>
    <definedName name="투찰서2" localSheetId="2">'[206]措施项目清单与计价表 '!투찰서2</definedName>
    <definedName name="팔" localSheetId="2" hidden="1">#REF!</definedName>
    <definedName name="펌프구경" localSheetId="2">#REF!</definedName>
    <definedName name="평택" localSheetId="2">#REF!</definedName>
    <definedName name="표지" localSheetId="2" hidden="1">#REF!</definedName>
    <definedName name="프린트" localSheetId="2">#REF!</definedName>
    <definedName name="ㅎ" localSheetId="2">#REF!</definedName>
    <definedName name="ㅎ314" localSheetId="2">#REF!</definedName>
    <definedName name="ㅎ384" localSheetId="2">#REF!</definedName>
    <definedName name="ㅎㄹㄹ" localSheetId="2">#REF!</definedName>
    <definedName name="하도급계획서" localSheetId="2">#REF!</definedName>
    <definedName name="한" localSheetId="2" hidden="1">#REF!</definedName>
    <definedName name="한교1호" localSheetId="2">#REF!</definedName>
    <definedName name="한교2호" localSheetId="2">#REF!</definedName>
    <definedName name="한교3호" localSheetId="2">#REF!</definedName>
    <definedName name="한전" localSheetId="2">#REF!</definedName>
    <definedName name="한전수탁비" localSheetId="2">#REF!</definedName>
    <definedName name="할증" localSheetId="2">#REF!</definedName>
    <definedName name="합계" localSheetId="2">#REF!</definedName>
    <definedName name="행삭제" localSheetId="2">#REF!</definedName>
    <definedName name="현천기자재비" localSheetId="2">#REF!</definedName>
    <definedName name="화신1호" localSheetId="2">#REF!</definedName>
    <definedName name="화신2호" localSheetId="2">#REF!</definedName>
    <definedName name="화신기존1" localSheetId="2">#REF!</definedName>
    <definedName name="화신기존2" localSheetId="2">#REF!</definedName>
    <definedName name="환산계수" localSheetId="2">#REF!</definedName>
    <definedName name="회사명" localSheetId="2">#REF!</definedName>
    <definedName name="회시1호" localSheetId="2">#REF!</definedName>
    <definedName name="회시2호" localSheetId="2">#REF!</definedName>
    <definedName name="효구" localSheetId="2">Dlog_Show</definedName>
    <definedName name="후다" localSheetId="2">'[206]措施项目清单与计价表 '!후다</definedName>
    <definedName name="희선" localSheetId="2">#REF!,#REF!,#REF!,#REF!,#REF!,#REF!,#REF!,#REF!,#REF!,#REF!,#REF!,#REF!,#REF!,#REF!,#REF!,#REF!,#REF!,#REF!,#REF!</definedName>
    <definedName name="ㅗ1433" localSheetId="2">#REF!</definedName>
    <definedName name="ㅗㅓㅏ" localSheetId="2">#REF!</definedName>
    <definedName name="ㅠ" localSheetId="2">#REF!</definedName>
    <definedName name="ㅠ1" localSheetId="2">#REF!</definedName>
    <definedName name="ㅠ121" localSheetId="2">#REF!</definedName>
    <definedName name="ㅡㅁㅊ개14" localSheetId="2">[140]!Macro13</definedName>
    <definedName name="Z_3B4DD3B0_847F_4B57_93D1_810D4C8DE510_.wvu.PrintArea" localSheetId="1" hidden="1">#REF!</definedName>
    <definedName name="Z_3B4DD3B0_847F_4B57_93D1_810D4C8DE510_.wvu.PrintTitles" localSheetId="1" hidden="1">#REF!</definedName>
    <definedName name="Z_92BBA066_F4C6_41CC_BE6D_9F1BA5F6C04D_.wvu.PrintArea" localSheetId="1" hidden="1">#REF!</definedName>
    <definedName name="Z_92BBA066_F4C6_41CC_BE6D_9F1BA5F6C04D_.wvu.PrintTitles" localSheetId="1" hidden="1">#REF!</definedName>
    <definedName name="Z_9B18BCA6_6102_4285_8AC8_DAF29FB4CA54_.wvu.PrintArea" localSheetId="1" hidden="1">#REF!</definedName>
    <definedName name="Z_9B18BCA6_6102_4285_8AC8_DAF29FB4CA54_.wvu.PrintTitles" localSheetId="1" hidden="1">#REF!</definedName>
    <definedName name="a" localSheetId="1">EVALUATE(#REF!)</definedName>
    <definedName name="ac" localSheetId="1">#REF!</definedName>
    <definedName name="ch" localSheetId="1">EVALUATE(#REF!)</definedName>
    <definedName name="ji" localSheetId="1">EVALUATE(#REF!)</definedName>
    <definedName name="std" localSheetId="1">EVALUATE(#REF!)</definedName>
    <definedName name="_x1" localSheetId="1">#REF!</definedName>
    <definedName name="________ys1" localSheetId="1">#REF!</definedName>
    <definedName name="___ys2" localSheetId="1">#REF!</definedName>
    <definedName name="___ys3" localSheetId="1">#REF!</definedName>
    <definedName name="偿还" localSheetId="1">EVALUATE(#REF!)</definedName>
    <definedName name="承台桩长2" localSheetId="1">#REF!</definedName>
    <definedName name="单边工作面宽2" localSheetId="1">#REF!</definedName>
    <definedName name="地坪厚度2" localSheetId="1">#REF!</definedName>
    <definedName name="垫层单边突出宽2" localSheetId="1">#REF!</definedName>
    <definedName name="垫层厚度2" localSheetId="1">#REF!</definedName>
    <definedName name="垫层突出单边宽2" localSheetId="1">#REF!</definedName>
    <definedName name="反正" localSheetId="1">#REF!</definedName>
    <definedName name="工作单边宽2" localSheetId="1">#REF!</definedName>
    <definedName name="工作面单边宽2" localSheetId="1">#REF!</definedName>
    <definedName name="公式4" localSheetId="1">EVALUATE(#REF!)</definedName>
    <definedName name="公式5" localSheetId="1">EVALUATE(#REF!)</definedName>
    <definedName name="公式6" localSheetId="1">EVALUATE(#REF!)</definedName>
    <definedName name="公式7" localSheetId="1">EVALUATE(#REF!)</definedName>
    <definedName name="公式8" localSheetId="1">EVALUATE(#REF!)</definedName>
    <definedName name="公式A" localSheetId="1">EVALUATE(#REF!)</definedName>
    <definedName name="公式B" localSheetId="1">EVALUATE(#REF!)</definedName>
    <definedName name="公式C" localSheetId="1">EVALUATE(#REF!)</definedName>
    <definedName name="公式二" localSheetId="1">EVALUATE(#REF!)</definedName>
    <definedName name="公式一" localSheetId="1">EVALUATE(#REF!)</definedName>
    <definedName name="基础1" localSheetId="1">EVALUATE(#REF!)</definedName>
    <definedName name="计算式3" localSheetId="1">EVALUATE(#REF!)</definedName>
    <definedName name="裙楼砖墙" localSheetId="1">#REF!</definedName>
    <definedName name="室内外地台差1" localSheetId="1">#REF!</definedName>
    <definedName name="室内外地台差2" localSheetId="1">#REF!</definedName>
    <definedName name="室内外高差1" localSheetId="1">#REF!</definedName>
    <definedName name="室内外高差2" localSheetId="1">#REF!</definedName>
    <definedName name="数量" localSheetId="1">#REF!</definedName>
    <definedName name="踢脚线高" localSheetId="1">#REF!</definedName>
    <definedName name="踢脚线高1" localSheetId="1">#REF!</definedName>
    <definedName name="踢脚线高2" localSheetId="1">#REF!</definedName>
    <definedName name="五号" localSheetId="1">EVALUATE(#REF!)</definedName>
    <definedName name="五号桥" localSheetId="1">EVALUATE(#REF!)</definedName>
    <definedName name="有梁板" localSheetId="1">#REF!</definedName>
    <definedName name="幼儿园板" localSheetId="1">#REF!</definedName>
    <definedName name="执层厚2" localSheetId="1">#REF!</definedName>
    <definedName name="__x1" localSheetId="1">#REF!</definedName>
    <definedName name="_________ys1" localSheetId="1">#REF!</definedName>
    <definedName name="____ys2" localSheetId="1">#REF!</definedName>
    <definedName name="____ys3" localSheetId="1">#REF!</definedName>
    <definedName name="___ys1" localSheetId="1">#REF!</definedName>
    <definedName name="___x1" localSheetId="1">#REF!</definedName>
    <definedName name="____ys1" localSheetId="1">#REF!</definedName>
    <definedName name="_____ys2" localSheetId="1">#REF!</definedName>
    <definedName name="_____ys3" localSheetId="1">#REF!</definedName>
    <definedName name="\e" localSheetId="1">#REF!</definedName>
    <definedName name="\g" localSheetId="1">#REF!</definedName>
    <definedName name="\O" localSheetId="1">#REF!</definedName>
    <definedName name="\s" localSheetId="1">#REF!</definedName>
    <definedName name="_\D" localSheetId="1">#REF!</definedName>
    <definedName name="_\X" localSheetId="1">#REF!</definedName>
    <definedName name="_____key2" localSheetId="1" hidden="1">#REF!</definedName>
    <definedName name="____key2" localSheetId="1" hidden="1">#REF!</definedName>
    <definedName name="____YO1" localSheetId="1">#REF!</definedName>
    <definedName name="___BMK10" localSheetId="1">#REF!</definedName>
    <definedName name="___HSH1" localSheetId="1">#REF!</definedName>
    <definedName name="___HSH2" localSheetId="1">#REF!</definedName>
    <definedName name="___HTB2" localSheetId="1">#REF!</definedName>
    <definedName name="___HTS1" localSheetId="1">#REF!</definedName>
    <definedName name="___key2" localSheetId="1" hidden="1">#REF!</definedName>
    <definedName name="___MS1" localSheetId="1">#REF!</definedName>
    <definedName name="___mu1" localSheetId="1">#REF!</definedName>
    <definedName name="___mu2" localSheetId="1">#REF!</definedName>
    <definedName name="___mu3" localSheetId="1">#REF!</definedName>
    <definedName name="___na7" localSheetId="1">#REF!</definedName>
    <definedName name="___nf1" localSheetId="1">#REF!</definedName>
    <definedName name="___nf2" localSheetId="1">#REF!</definedName>
    <definedName name="___nf3" localSheetId="1">#REF!</definedName>
    <definedName name="___ng30" localSheetId="1">#REF!</definedName>
    <definedName name="___ng35" localSheetId="1">#REF!</definedName>
    <definedName name="___NP1" localSheetId="1">#REF!</definedName>
    <definedName name="___NP2" localSheetId="1">#REF!</definedName>
    <definedName name="___NSH1" localSheetId="1">#REF!</definedName>
    <definedName name="___NSH2" localSheetId="1">#REF!</definedName>
    <definedName name="___pa7" localSheetId="1">#REF!</definedName>
    <definedName name="___pf1" localSheetId="1">#REF!</definedName>
    <definedName name="___pf2" localSheetId="1">#REF!</definedName>
    <definedName name="___pf3" localSheetId="1">#REF!</definedName>
    <definedName name="___pg30" localSheetId="1">#REF!</definedName>
    <definedName name="___pg35" localSheetId="1">#REF!</definedName>
    <definedName name="___ppa7" localSheetId="1">#REF!</definedName>
    <definedName name="___ppf1" localSheetId="1">#REF!</definedName>
    <definedName name="___ppf2" localSheetId="1">#REF!</definedName>
    <definedName name="___ppf3" localSheetId="1">#REF!</definedName>
    <definedName name="___ppg30" localSheetId="1">#REF!</definedName>
    <definedName name="___ppg35" localSheetId="1">#REF!</definedName>
    <definedName name="___QTY10" localSheetId="1">#REF!</definedName>
    <definedName name="___UPR10" localSheetId="1">#REF!</definedName>
    <definedName name="___vrc25" localSheetId="1">#REF!</definedName>
    <definedName name="___YO1" localSheetId="1">#REF!</definedName>
    <definedName name="__A15" localSheetId="1">#REF!</definedName>
    <definedName name="__BMK10" localSheetId="1">#REF!</definedName>
    <definedName name="__D1" localSheetId="1">#REF!</definedName>
    <definedName name="__HSH1" localSheetId="1">#REF!</definedName>
    <definedName name="__HSH2" localSheetId="1">#REF!</definedName>
    <definedName name="__HTB2" localSheetId="1">#REF!</definedName>
    <definedName name="__HTS1" localSheetId="1">#REF!</definedName>
    <definedName name="__key2" localSheetId="1" hidden="1">#REF!</definedName>
    <definedName name="__MS1" localSheetId="1">#REF!</definedName>
    <definedName name="__mu1" localSheetId="1">#REF!</definedName>
    <definedName name="__mu2" localSheetId="1">#REF!</definedName>
    <definedName name="__mu3" localSheetId="1">#REF!</definedName>
    <definedName name="__na7" localSheetId="1">#REF!</definedName>
    <definedName name="__nf1" localSheetId="1">#REF!</definedName>
    <definedName name="__nf2" localSheetId="1">#REF!</definedName>
    <definedName name="__nf3" localSheetId="1">#REF!</definedName>
    <definedName name="__ng30" localSheetId="1">#REF!</definedName>
    <definedName name="__ng35" localSheetId="1">#REF!</definedName>
    <definedName name="__NP1" localSheetId="1">#REF!</definedName>
    <definedName name="__NP2" localSheetId="1">#REF!</definedName>
    <definedName name="__NSH1" localSheetId="1">#REF!</definedName>
    <definedName name="__NSH2" localSheetId="1">#REF!</definedName>
    <definedName name="__pa7" localSheetId="1">#REF!</definedName>
    <definedName name="__pf1" localSheetId="1">#REF!</definedName>
    <definedName name="__pf2" localSheetId="1">#REF!</definedName>
    <definedName name="__pf3" localSheetId="1">#REF!</definedName>
    <definedName name="__pg30" localSheetId="1">#REF!</definedName>
    <definedName name="__pg35" localSheetId="1">#REF!</definedName>
    <definedName name="__ppa7" localSheetId="1">#REF!</definedName>
    <definedName name="__ppf1" localSheetId="1">#REF!</definedName>
    <definedName name="__ppf2" localSheetId="1">#REF!</definedName>
    <definedName name="__ppf3" localSheetId="1">#REF!</definedName>
    <definedName name="__ppg30" localSheetId="1">#REF!</definedName>
    <definedName name="__ppg35" localSheetId="1">#REF!</definedName>
    <definedName name="__QTY10" localSheetId="1">#REF!</definedName>
    <definedName name="__UPR10" localSheetId="1">#REF!</definedName>
    <definedName name="__V200" localSheetId="1">'[206]措施项目清单与计价表 '!__V200</definedName>
    <definedName name="__vrc25" localSheetId="1">#REF!</definedName>
    <definedName name="__YO1" localSheetId="1">#REF!</definedName>
    <definedName name="__총괄표" localSheetId="1" hidden="1">#REF!</definedName>
    <definedName name="_0.33__18.8_18.8__0.33__1.43_1.433_2.166_1.466_6.335_1.466_1.866_1.433_4.366_1.15_0.85_4.43_0.82_1.61_2.45_1.85_2.02_0.6_4.6_2.7_2.45_1.61_5.25_0.85_1.25_4.5_1.7_2_1.466_1_6.335_1_1.466_2.166_1.433_1.433_3.416_2_11.61__0.33__2.75_1.8_1.85_1.8_3.1_2.44_2.7" localSheetId="1">#REF!</definedName>
    <definedName name="_000年.xls" localSheetId="1">#REF!</definedName>
    <definedName name="_001年.xls" localSheetId="1">#REF!</definedName>
    <definedName name="_002年.xls" localSheetId="1">#REF!</definedName>
    <definedName name="_1.65_7.35_1.5_1.65_1.8_2.65_2_1.8_2.65___3.65_0.1" localSheetId="1">#REF!</definedName>
    <definedName name="_16.025_8.297_18.65__10.5" localSheetId="1">#REF!</definedName>
    <definedName name="_16_3_0Crite" localSheetId="1">#REF!</definedName>
    <definedName name="_17_3_0Criteria" localSheetId="1">#REF!</definedName>
    <definedName name="_18_3__Crite" localSheetId="1">#REF!</definedName>
    <definedName name="_19_3__Criteria" localSheetId="1">#REF!</definedName>
    <definedName name="_1공장" localSheetId="1">#REF!</definedName>
    <definedName name="_20A15_" localSheetId="1">#REF!</definedName>
    <definedName name="_21G_0Extr" localSheetId="1">#REF!</definedName>
    <definedName name="_22G_0Extract" localSheetId="1">#REF!</definedName>
    <definedName name="_23G__Extr" localSheetId="1">#REF!</definedName>
    <definedName name="_24G__Extract" localSheetId="1">#REF!</definedName>
    <definedName name="_28V200_" localSheetId="1">'[206]措施项目清单与计价表 '!_28V200_</definedName>
    <definedName name="_29V200_" localSheetId="1">'[206]措施项目清单与计价表 '!_29V200_</definedName>
    <definedName name="_2공장" localSheetId="1">#REF!</definedName>
    <definedName name="_3.2_3_2.25__0.51_0.3" localSheetId="1">#REF!</definedName>
    <definedName name="_3공장" localSheetId="1">#REF!</definedName>
    <definedName name="_A" localSheetId="1">#REF!</definedName>
    <definedName name="_A15" localSheetId="1">#REF!</definedName>
    <definedName name="_BMK10" localSheetId="1">#REF!</definedName>
    <definedName name="_Dist_Bin" localSheetId="1" hidden="1">#REF!</definedName>
    <definedName name="_Dist_Values" localSheetId="1" hidden="1">#REF!</definedName>
    <definedName name="_HSH1" localSheetId="1">#REF!</definedName>
    <definedName name="_HSH2" localSheetId="1">#REF!</definedName>
    <definedName name="_HTB2" localSheetId="1">#REF!</definedName>
    <definedName name="_HTS1" localSheetId="1">#REF!</definedName>
    <definedName name="_Key1" localSheetId="1" hidden="1">#REF!</definedName>
    <definedName name="_Key2" localSheetId="1" hidden="1">#REF!</definedName>
    <definedName name="_MS1" localSheetId="1">#REF!</definedName>
    <definedName name="_mu1" localSheetId="1">#REF!</definedName>
    <definedName name="_mu2" localSheetId="1">#REF!</definedName>
    <definedName name="_mu3" localSheetId="1">#REF!</definedName>
    <definedName name="_na7" localSheetId="1">#REF!</definedName>
    <definedName name="_nf1" localSheetId="1">#REF!</definedName>
    <definedName name="_nf2" localSheetId="1">#REF!</definedName>
    <definedName name="_nf3" localSheetId="1">#REF!</definedName>
    <definedName name="_ng30" localSheetId="1">#REF!</definedName>
    <definedName name="_ng35" localSheetId="1">#REF!</definedName>
    <definedName name="_NP1" localSheetId="1">#REF!</definedName>
    <definedName name="_NP2" localSheetId="1">#REF!</definedName>
    <definedName name="_NSH1" localSheetId="1">#REF!</definedName>
    <definedName name="_NSH2" localSheetId="1">#REF!</definedName>
    <definedName name="_pa7" localSheetId="1">#REF!</definedName>
    <definedName name="_pf1" localSheetId="1">#REF!</definedName>
    <definedName name="_pf2" localSheetId="1">#REF!</definedName>
    <definedName name="_pf3" localSheetId="1">#REF!</definedName>
    <definedName name="_pg30" localSheetId="1">#REF!</definedName>
    <definedName name="_pg35" localSheetId="1">#REF!</definedName>
    <definedName name="_ppa7" localSheetId="1">#REF!</definedName>
    <definedName name="_ppf1" localSheetId="1">#REF!</definedName>
    <definedName name="_ppf2" localSheetId="1">#REF!</definedName>
    <definedName name="_ppf3" localSheetId="1">#REF!</definedName>
    <definedName name="_ppg30" localSheetId="1">#REF!</definedName>
    <definedName name="_ppg35" localSheetId="1">#REF!</definedName>
    <definedName name="_QTY10" localSheetId="1">#REF!</definedName>
    <definedName name="_Sort" localSheetId="1" hidden="1">#REF!</definedName>
    <definedName name="_Table1_In1" localSheetId="1" hidden="1">#REF!</definedName>
    <definedName name="_Table1_Out" localSheetId="1" hidden="1">#REF!</definedName>
    <definedName name="_UPR10" localSheetId="1">#REF!</definedName>
    <definedName name="_V200" localSheetId="1">'[206]措施项目清单与计价表 '!_V200</definedName>
    <definedName name="_vrc25" localSheetId="1">#REF!</definedName>
    <definedName name="_YO1" localSheetId="1">#REF!</definedName>
    <definedName name="_총괄표" localSheetId="1" hidden="1">#REF!</definedName>
    <definedName name="A_1" localSheetId="1">#REF!</definedName>
    <definedName name="A_2" localSheetId="1">#REF!</definedName>
    <definedName name="A_3" localSheetId="1">#REF!</definedName>
    <definedName name="A_4" localSheetId="1">#REF!</definedName>
    <definedName name="A_5" localSheetId="1">#REF!</definedName>
    <definedName name="A_6" localSheetId="1">#REF!</definedName>
    <definedName name="A1_" localSheetId="1">#REF!</definedName>
    <definedName name="A15." localSheetId="1">#REF!</definedName>
    <definedName name="A2_" localSheetId="1">#REF!</definedName>
    <definedName name="A3_" localSheetId="1">#REF!</definedName>
    <definedName name="A315yoo1" localSheetId="1">#REF!</definedName>
    <definedName name="A4_" localSheetId="1">#REF!</definedName>
    <definedName name="A5_" localSheetId="1">#REF!</definedName>
    <definedName name="A7_" localSheetId="1">#REF!</definedName>
    <definedName name="A8_" localSheetId="1">#REF!</definedName>
    <definedName name="A9_" localSheetId="1">#REF!</definedName>
    <definedName name="AA" localSheetId="1">#REF!</definedName>
    <definedName name="AMOUNT" localSheetId="1">#REF!</definedName>
    <definedName name="are" localSheetId="1">#REF!</definedName>
    <definedName name="as" localSheetId="1" hidden="1">#REF!</definedName>
    <definedName name="asdfas" localSheetId="1">'[206]措施项目清单与计价表 '!asdfas</definedName>
    <definedName name="AVHK" localSheetId="1">#REF!</definedName>
    <definedName name="AVRMB" localSheetId="1">#REF!</definedName>
    <definedName name="B" localSheetId="1">#REF!</definedName>
    <definedName name="B0" localSheetId="1">#REF!</definedName>
    <definedName name="B1_" localSheetId="1">#REF!</definedName>
    <definedName name="B1381." localSheetId="1">#REF!</definedName>
    <definedName name="B1A" localSheetId="1">#REF!</definedName>
    <definedName name="B1WL" localSheetId="1">#REF!</definedName>
    <definedName name="B1WR" localSheetId="1">#REF!</definedName>
    <definedName name="B2A" localSheetId="1">#REF!</definedName>
    <definedName name="B2WL" localSheetId="1">#REF!</definedName>
    <definedName name="B2WR" localSheetId="1">#REF!</definedName>
    <definedName name="B3A" localSheetId="1">#REF!</definedName>
    <definedName name="B4A" localSheetId="1">#REF!</definedName>
    <definedName name="B5A" localSheetId="1">#REF!</definedName>
    <definedName name="B6A" localSheetId="1">#REF!</definedName>
    <definedName name="B7A" localSheetId="1">#REF!</definedName>
    <definedName name="B8A" localSheetId="1">#REF!</definedName>
    <definedName name="BA" localSheetId="1">#REF!</definedName>
    <definedName name="BAE_GWANG_GONG" localSheetId="1">#REF!</definedName>
    <definedName name="BB" localSheetId="1">#REF!</definedName>
    <definedName name="bbb" localSheetId="1">#REF!</definedName>
    <definedName name="BHU" localSheetId="1">#REF!</definedName>
    <definedName name="BI_GAE_GONG" localSheetId="1">#REF!</definedName>
    <definedName name="BIGO" localSheetId="1">#REF!</definedName>
    <definedName name="BMO" localSheetId="1">#REF!</definedName>
    <definedName name="BO" localSheetId="1">#REF!</definedName>
    <definedName name="BO_ON_GONG" localSheetId="1">#REF!</definedName>
    <definedName name="BO_TONG_IN_BU" localSheetId="1">#REF!</definedName>
    <definedName name="BSH" localSheetId="1">#REF!</definedName>
    <definedName name="BV" localSheetId="1">#REF!</definedName>
    <definedName name="C_1" localSheetId="1">#REF!</definedName>
    <definedName name="C_2" localSheetId="1">#REF!</definedName>
    <definedName name="C_3" localSheetId="1">#REF!</definedName>
    <definedName name="cap" localSheetId="1">#REF!</definedName>
    <definedName name="CCC" localSheetId="1">#REF!</definedName>
    <definedName name="CFA" localSheetId="1">#REF!</definedName>
    <definedName name="CHUK_RYANG_SA" localSheetId="1">#REF!</definedName>
    <definedName name="CHUL_GOL_GONG" localSheetId="1">#REF!</definedName>
    <definedName name="CHUL_GONG" localSheetId="1">#REF!</definedName>
    <definedName name="CIVIL" localSheetId="1">#REF!</definedName>
    <definedName name="CKSP" localSheetId="1">#REF!</definedName>
    <definedName name="Client" localSheetId="1">#REF!</definedName>
    <definedName name="CM" localSheetId="1">#REF!</definedName>
    <definedName name="COD" localSheetId="1">#REF!</definedName>
    <definedName name="CODE" localSheetId="1">#REF!</definedName>
    <definedName name="cola" localSheetId="1">#REF!</definedName>
    <definedName name="colaa" localSheetId="1">#REF!</definedName>
    <definedName name="colb" localSheetId="1">#REF!</definedName>
    <definedName name="colb1" localSheetId="1">#REF!</definedName>
    <definedName name="Conc_A" localSheetId="1">#REF!</definedName>
    <definedName name="Conc_C" localSheetId="1">#REF!</definedName>
    <definedName name="COST" localSheetId="1" hidden="1">#REF!</definedName>
    <definedName name="COSTT" localSheetId="1" hidden="1">#REF!</definedName>
    <definedName name="CPK" localSheetId="1">#REF!</definedName>
    <definedName name="CR" localSheetId="1">#REF!</definedName>
    <definedName name="CUB.prix_SMC" localSheetId="1">[72]!CUB.prix_SMC</definedName>
    <definedName name="d" localSheetId="1">PUR资料+'[76]#REF!'!$B$7:$AV$3185</definedName>
    <definedName name="D0" localSheetId="1">#REF!</definedName>
    <definedName name="D00" localSheetId="1">#REF!</definedName>
    <definedName name="D000" localSheetId="1">#REF!</definedName>
    <definedName name="DAN" localSheetId="1">#REF!</definedName>
    <definedName name="DANGA" localSheetId="1">#REF!,#REF!</definedName>
    <definedName name="danga2" localSheetId="1">#REF!,#REF!</definedName>
    <definedName name="Database" localSheetId="1" hidden="1">#REF!</definedName>
    <definedName name="database2" localSheetId="1">#REF!</definedName>
    <definedName name="date" localSheetId="1">#REF!</definedName>
    <definedName name="Date_Bidding" localSheetId="1">#REF!</definedName>
    <definedName name="DE" localSheetId="1">#REF!</definedName>
    <definedName name="DF" localSheetId="1">#REF!</definedName>
    <definedName name="dl" localSheetId="1">#REF!</definedName>
    <definedName name="DO_JANG_GONG" localSheetId="1">#REF!</definedName>
    <definedName name="DPI" localSheetId="1">#REF!</definedName>
    <definedName name="DPP" localSheetId="1">#REF!</definedName>
    <definedName name="DS" localSheetId="1">#REF!</definedName>
    <definedName name="DSFGB" localSheetId="1">'[206]措施项目清单与计价表 '!DSFGB</definedName>
    <definedName name="DSVP" localSheetId="1">#REF!</definedName>
    <definedName name="DUCT_GONG" localSheetId="1">#REF!</definedName>
    <definedName name="E10M" localSheetId="1">#REF!</definedName>
    <definedName name="E10P" localSheetId="1">#REF!</definedName>
    <definedName name="E11M" localSheetId="1">#REF!</definedName>
    <definedName name="E11P" localSheetId="1">#REF!</definedName>
    <definedName name="E12M" localSheetId="1">#REF!</definedName>
    <definedName name="E12P" localSheetId="1">#REF!</definedName>
    <definedName name="E13M" localSheetId="1">#REF!</definedName>
    <definedName name="E13P" localSheetId="1">#REF!</definedName>
    <definedName name="E14M" localSheetId="1">#REF!</definedName>
    <definedName name="E14P" localSheetId="1">#REF!</definedName>
    <definedName name="E15M" localSheetId="1">#REF!</definedName>
    <definedName name="E15P" localSheetId="1">#REF!</definedName>
    <definedName name="E16M" localSheetId="1">#REF!</definedName>
    <definedName name="E16P" localSheetId="1">#REF!</definedName>
    <definedName name="E17M" localSheetId="1">#REF!</definedName>
    <definedName name="E17P" localSheetId="1">#REF!</definedName>
    <definedName name="E18M" localSheetId="1">#REF!</definedName>
    <definedName name="E18P" localSheetId="1">#REF!</definedName>
    <definedName name="E19M" localSheetId="1">#REF!</definedName>
    <definedName name="E19P" localSheetId="1">#REF!</definedName>
    <definedName name="E1E" localSheetId="1">#REF!</definedName>
    <definedName name="E1M" localSheetId="1">#REF!</definedName>
    <definedName name="E1P" localSheetId="1">#REF!</definedName>
    <definedName name="E20M" localSheetId="1">#REF!</definedName>
    <definedName name="E20P" localSheetId="1">#REF!</definedName>
    <definedName name="E21M" localSheetId="1">#REF!</definedName>
    <definedName name="E21P" localSheetId="1">#REF!</definedName>
    <definedName name="E22M" localSheetId="1">#REF!</definedName>
    <definedName name="E22P" localSheetId="1">#REF!</definedName>
    <definedName name="E23M" localSheetId="1">#REF!</definedName>
    <definedName name="E23P" localSheetId="1">#REF!</definedName>
    <definedName name="E24M" localSheetId="1">#REF!</definedName>
    <definedName name="E24P" localSheetId="1">#REF!</definedName>
    <definedName name="E26E" localSheetId="1">#REF!</definedName>
    <definedName name="E26M" localSheetId="1">#REF!</definedName>
    <definedName name="E26P" localSheetId="1">#REF!</definedName>
    <definedName name="E27E" localSheetId="1">#REF!</definedName>
    <definedName name="E27M" localSheetId="1">#REF!</definedName>
    <definedName name="E27P" localSheetId="1">#REF!</definedName>
    <definedName name="E28E" localSheetId="1">#REF!</definedName>
    <definedName name="E28M" localSheetId="1">#REF!</definedName>
    <definedName name="E28P" localSheetId="1">#REF!</definedName>
    <definedName name="E29M" localSheetId="1">#REF!</definedName>
    <definedName name="E29P" localSheetId="1">#REF!</definedName>
    <definedName name="E2E" localSheetId="1">#REF!</definedName>
    <definedName name="E2M" localSheetId="1">#REF!</definedName>
    <definedName name="E2P" localSheetId="1">#REF!</definedName>
    <definedName name="E30M" localSheetId="1">#REF!</definedName>
    <definedName name="E30P" localSheetId="1">#REF!</definedName>
    <definedName name="E35M" localSheetId="1">#REF!</definedName>
    <definedName name="E35P" localSheetId="1">#REF!</definedName>
    <definedName name="E3P" localSheetId="1">#REF!</definedName>
    <definedName name="E43M" localSheetId="1">#REF!</definedName>
    <definedName name="E43P" localSheetId="1">#REF!</definedName>
    <definedName name="E44M" localSheetId="1">#REF!</definedName>
    <definedName name="E44P" localSheetId="1">#REF!</definedName>
    <definedName name="E45M" localSheetId="1">#REF!</definedName>
    <definedName name="E45P" localSheetId="1">#REF!</definedName>
    <definedName name="E46M" localSheetId="1">#REF!</definedName>
    <definedName name="E46P" localSheetId="1">#REF!</definedName>
    <definedName name="E47M" localSheetId="1">#REF!</definedName>
    <definedName name="E47P" localSheetId="1">#REF!</definedName>
    <definedName name="E49M" localSheetId="1">#REF!</definedName>
    <definedName name="E49P" localSheetId="1">#REF!</definedName>
    <definedName name="E4M" localSheetId="1">#REF!</definedName>
    <definedName name="E4P" localSheetId="1">#REF!</definedName>
    <definedName name="E50M" localSheetId="1">#REF!</definedName>
    <definedName name="E50P" localSheetId="1">#REF!</definedName>
    <definedName name="E51E" localSheetId="1">#REF!</definedName>
    <definedName name="E5M" localSheetId="1">#REF!</definedName>
    <definedName name="E5P" localSheetId="1">#REF!</definedName>
    <definedName name="E6M" localSheetId="1">#REF!</definedName>
    <definedName name="E6P" localSheetId="1">#REF!</definedName>
    <definedName name="E7M" localSheetId="1">#REF!</definedName>
    <definedName name="E7P" localSheetId="1">#REF!</definedName>
    <definedName name="E8M" localSheetId="1">#REF!</definedName>
    <definedName name="E8P" localSheetId="1">#REF!</definedName>
    <definedName name="E9M" localSheetId="1">#REF!</definedName>
    <definedName name="E9P" localSheetId="1">#REF!</definedName>
    <definedName name="eee" localSheetId="1" hidden="1">#REF!</definedName>
    <definedName name="Exchange_Rate" localSheetId="1">#REF!</definedName>
    <definedName name="EXHK" localSheetId="1">#REF!</definedName>
    <definedName name="Extract_MI" localSheetId="1">#REF!</definedName>
    <definedName name="F" localSheetId="1">#REF!</definedName>
    <definedName name="fact" localSheetId="1">#REF!</definedName>
    <definedName name="FD" localSheetId="1">#REF!</definedName>
    <definedName name="FEEL" localSheetId="1">#REF!</definedName>
    <definedName name="fjkf" localSheetId="1">#REF!</definedName>
    <definedName name="Form" localSheetId="1">#REF!</definedName>
    <definedName name="fwk" localSheetId="1">#REF!</definedName>
    <definedName name="GAE_JANG_GONG" localSheetId="1">#REF!</definedName>
    <definedName name="GEMCO" localSheetId="1" hidden="1">#REF!</definedName>
    <definedName name="GFA" localSheetId="1">#REF!</definedName>
    <definedName name="gfdgdgdf" localSheetId="1">#REF!</definedName>
    <definedName name="gfggfr" localSheetId="1">#REF!</definedName>
    <definedName name="GG" localSheetId="1">#REF!</definedName>
    <definedName name="GGGG" localSheetId="1">#REF!</definedName>
    <definedName name="gh" localSheetId="1">#REF!</definedName>
    <definedName name="GI_GAE_SUL_CHI_GONG" localSheetId="1">#REF!</definedName>
    <definedName name="GJ" localSheetId="1">#REF!</definedName>
    <definedName name="gjj" localSheetId="1">#REF!</definedName>
    <definedName name="GK" localSheetId="1">#REF!</definedName>
    <definedName name="GONGCODE" localSheetId="1">#REF!</definedName>
    <definedName name="grew" localSheetId="1" hidden="1">#REF!</definedName>
    <definedName name="Gtb" localSheetId="1">#REF!</definedName>
    <definedName name="gtbtt" localSheetId="1">#REF!</definedName>
    <definedName name="GUMAK" localSheetId="1">#REF!</definedName>
    <definedName name="Gxl" localSheetId="1">#REF!</definedName>
    <definedName name="gxltt" localSheetId="1">#REF!</definedName>
    <definedName name="GY" localSheetId="1">#REF!</definedName>
    <definedName name="H1L" localSheetId="1">#REF!</definedName>
    <definedName name="H1R" localSheetId="1">#REF!</definedName>
    <definedName name="H1WL" localSheetId="1">#REF!</definedName>
    <definedName name="H1WR" localSheetId="1">#REF!</definedName>
    <definedName name="H2L" localSheetId="1">#REF!</definedName>
    <definedName name="H2R" localSheetId="1">#REF!</definedName>
    <definedName name="H2WL" localSheetId="1">#REF!</definedName>
    <definedName name="H2WR" localSheetId="1">#REF!</definedName>
    <definedName name="H3L" localSheetId="1">#REF!</definedName>
    <definedName name="H3R" localSheetId="1">#REF!</definedName>
    <definedName name="H3WL" localSheetId="1">#REF!</definedName>
    <definedName name="H3WR" localSheetId="1">#REF!</definedName>
    <definedName name="H4L" localSheetId="1">#REF!</definedName>
    <definedName name="H4R" localSheetId="1">#REF!</definedName>
    <definedName name="H5L" localSheetId="1">#REF!</definedName>
    <definedName name="H5R" localSheetId="1">#REF!</definedName>
    <definedName name="H6L" localSheetId="1">#REF!</definedName>
    <definedName name="H6R" localSheetId="1">#REF!</definedName>
    <definedName name="H7L" localSheetId="1">#REF!</definedName>
    <definedName name="H7R" localSheetId="1">#REF!</definedName>
    <definedName name="H9A" localSheetId="1">#REF!</definedName>
    <definedName name="HAF" localSheetId="1">#REF!</definedName>
    <definedName name="han" localSheetId="1" hidden="1">#REF!</definedName>
    <definedName name="hanliangbiao" localSheetId="1">#REF!</definedName>
    <definedName name="hardwar" localSheetId="1" hidden="1">#REF!</definedName>
    <definedName name="HBV" localSheetId="1">#REF!</definedName>
    <definedName name="HCR" localSheetId="1">#REF!</definedName>
    <definedName name="HDSVP" localSheetId="1">#REF!</definedName>
    <definedName name="HHAF" localSheetId="1">#REF!</definedName>
    <definedName name="HHMF" localSheetId="1">#REF!</definedName>
    <definedName name="HL" localSheetId="1">#REF!</definedName>
    <definedName name="HMF" localSheetId="1">#REF!</definedName>
    <definedName name="HMOTOR" localSheetId="1">#REF!</definedName>
    <definedName name="HPUMP" localSheetId="1">#REF!</definedName>
    <definedName name="HR" localSheetId="1">#REF!</definedName>
    <definedName name="HSH" localSheetId="1">#REF!</definedName>
    <definedName name="HSV" localSheetId="1">#REF!</definedName>
    <definedName name="htb" localSheetId="1">#REF!</definedName>
    <definedName name="hts" localSheetId="1">#REF!</definedName>
    <definedName name="HVAFP" localSheetId="1">#REF!</definedName>
    <definedName name="HVMF" localSheetId="1">#REF!</definedName>
    <definedName name="HWEI" localSheetId="1">#REF!</definedName>
    <definedName name="HWL" localSheetId="1">#REF!</definedName>
    <definedName name="HWR" localSheetId="1">#REF!</definedName>
    <definedName name="i" localSheetId="1">#REF!</definedName>
    <definedName name="ID" localSheetId="1">#REF!,#REF!</definedName>
    <definedName name="JA" localSheetId="1">#REF!</definedName>
    <definedName name="JE_GWAN_GONG" localSheetId="1">#REF!</definedName>
    <definedName name="jg" localSheetId="1">#REF!</definedName>
    <definedName name="jhjyg" localSheetId="1">#REF!</definedName>
    <definedName name="JK" localSheetId="1">#REF!</definedName>
    <definedName name="JUNG_GI_UN_JUN" localSheetId="1">#REF!</definedName>
    <definedName name="kim" localSheetId="1">#REF!</definedName>
    <definedName name="KJ" localSheetId="1">#REF!</definedName>
    <definedName name="kjjh" localSheetId="1">#REF!</definedName>
    <definedName name="kk" localSheetId="1" hidden="1">#REF!</definedName>
    <definedName name="LA" localSheetId="1">#REF!</definedName>
    <definedName name="Labor_Cost" localSheetId="1">#REF!</definedName>
    <definedName name="lf" localSheetId="1">#REF!</definedName>
    <definedName name="lll" localSheetId="1">#REF!</definedName>
    <definedName name="lllllll" localSheetId="1">#REF!</definedName>
    <definedName name="LMO" localSheetId="1">#REF!</definedName>
    <definedName name="LPI" localSheetId="1">#REF!</definedName>
    <definedName name="LSH" localSheetId="1">#REF!</definedName>
    <definedName name="Macro10" localSheetId="1">[140]!Macro10</definedName>
    <definedName name="Macro11" localSheetId="1">'[206]措施项目清单与计价表 '!Macro11</definedName>
    <definedName name="Macro12" localSheetId="1">[140]!Macro12</definedName>
    <definedName name="Macro13" localSheetId="1">[140]!Macro13</definedName>
    <definedName name="Macro14" localSheetId="1">[140]!Macro14</definedName>
    <definedName name="Macro2" localSheetId="1">[140]!Macro2</definedName>
    <definedName name="MACRO20" localSheetId="1">[140]!Macro2</definedName>
    <definedName name="Macro5" localSheetId="1">[140]!Macro5</definedName>
    <definedName name="Macro6" localSheetId="1">[140]!Macro6</definedName>
    <definedName name="Macro7" localSheetId="1">[140]!Macro7</definedName>
    <definedName name="Macro8" localSheetId="1">[140]!Macro8</definedName>
    <definedName name="Macro9" localSheetId="1">[140]!Macro9</definedName>
    <definedName name="Material" localSheetId="1">#REF!</definedName>
    <definedName name="MD" localSheetId="1">#REF!</definedName>
    <definedName name="Modules" localSheetId="1">#REF!</definedName>
    <definedName name="MOK_DO_GONG" localSheetId="1">#REF!</definedName>
    <definedName name="MOK_GONG" localSheetId="1">#REF!</definedName>
    <definedName name="MONEY" localSheetId="1">#REF!,#REF!</definedName>
    <definedName name="MOTOR" localSheetId="1">#REF!</definedName>
    <definedName name="ms" localSheetId="1">#REF!</definedName>
    <definedName name="msc" localSheetId="1">#REF!</definedName>
    <definedName name="n" localSheetId="1" hidden="1">#REF!</definedName>
    <definedName name="N1S" localSheetId="1">#REF!</definedName>
    <definedName name="N2S" localSheetId="1">#REF!</definedName>
    <definedName name="N3S" localSheetId="1">#REF!</definedName>
    <definedName name="NAME" localSheetId="1">#REF!</definedName>
    <definedName name="NDO" localSheetId="1">#REF!</definedName>
    <definedName name="NK" localSheetId="1">#REF!</definedName>
    <definedName name="NO" localSheetId="1">#REF!</definedName>
    <definedName name="NPI" localSheetId="1">#REF!</definedName>
    <definedName name="ns" localSheetId="1">#REF!</definedName>
    <definedName name="NSH" localSheetId="1">#REF!</definedName>
    <definedName name="NSO" localSheetId="1">#REF!</definedName>
    <definedName name="o" localSheetId="1">#REF!</definedName>
    <definedName name="OOO" localSheetId="1">#REF!</definedName>
    <definedName name="Pad_1" localSheetId="1">#REF!</definedName>
    <definedName name="PC_Pile" localSheetId="1">#REF!</definedName>
    <definedName name="Period_Const" localSheetId="1">#REF!</definedName>
    <definedName name="Pile_Driving" localSheetId="1">#REF!</definedName>
    <definedName name="PLANT_BAE_GWAN_GONG" localSheetId="1">#REF!</definedName>
    <definedName name="PLANT_GI_GAE_SUL_CHI_GONG" localSheetId="1">#REF!</definedName>
    <definedName name="PLANT_JE_GWAN_GONG" localSheetId="1">#REF!</definedName>
    <definedName name="PLANT_JUN_GONG" localSheetId="1">#REF!</definedName>
    <definedName name="PLANT_YONG_JUB_GONG" localSheetId="1">#REF!</definedName>
    <definedName name="plast" localSheetId="1">#REF!</definedName>
    <definedName name="PPP" localSheetId="1">#REF!</definedName>
    <definedName name="pps" localSheetId="1">#REF!</definedName>
    <definedName name="PRICE" localSheetId="1">#REF!</definedName>
    <definedName name="PRIN_TITLES" localSheetId="1">#REF!</definedName>
    <definedName name="Print_Area\C" localSheetId="1">#REF!</definedName>
    <definedName name="Print_Area_MI" localSheetId="1">#REF!</definedName>
    <definedName name="PRINT_AREA_MI1" localSheetId="1">#REF!</definedName>
    <definedName name="Print_Titles_MI" localSheetId="1">#REF!</definedName>
    <definedName name="PRINT_TITLES_MI1" localSheetId="1">#REF!</definedName>
    <definedName name="ps" localSheetId="1">#REF!</definedName>
    <definedName name="PUMP" localSheetId="1">#REF!</definedName>
    <definedName name="QQQ" localSheetId="1">#REF!</definedName>
    <definedName name="RATE" localSheetId="1">#REF!</definedName>
    <definedName name="RE2WERT" localSheetId="1">BlankMacro1</definedName>
    <definedName name="Rebar" localSheetId="1">#REF!</definedName>
    <definedName name="Recorder" localSheetId="1" hidden="1">#REF!</definedName>
    <definedName name="RIBET_GONG" localSheetId="1">#REF!</definedName>
    <definedName name="RRR" localSheetId="1">#REF!</definedName>
    <definedName name="sd" localSheetId="1">#REF!</definedName>
    <definedName name="sdg" localSheetId="1" hidden="1">#REF!</definedName>
    <definedName name="sdsss" localSheetId="1">#REF!</definedName>
    <definedName name="SEQCODE" localSheetId="1">#REF!</definedName>
    <definedName name="SFSDFS" localSheetId="1">#REF!</definedName>
    <definedName name="SHOP2" localSheetId="1">'[206]措施项目清单与计价表 '!SHOP2</definedName>
    <definedName name="SK" localSheetId="1">#REF!</definedName>
    <definedName name="SKE" localSheetId="1">#REF!</definedName>
    <definedName name="Slab_Connect" localSheetId="1">#REF!</definedName>
    <definedName name="sort" localSheetId="1">#REF!</definedName>
    <definedName name="sort2" localSheetId="1">#REF!</definedName>
    <definedName name="SP" localSheetId="1">#REF!</definedName>
    <definedName name="SPEC" localSheetId="1">#REF!</definedName>
    <definedName name="ss" localSheetId="1">'[206]措施项目清单与计价表 '!ss</definedName>
    <definedName name="SSSS" localSheetId="1">'[206]措施项目清单与计价表 '!SSSS</definedName>
    <definedName name="Story_Total" localSheetId="1">#REF!</definedName>
    <definedName name="Struct_Type" localSheetId="1">#REF!</definedName>
    <definedName name="SUMMARY" localSheetId="1" hidden="1">#REF!</definedName>
    <definedName name="SUMMARYT" localSheetId="1" hidden="1">#REF!</definedName>
    <definedName name="SV" localSheetId="1">#REF!</definedName>
    <definedName name="SWL" localSheetId="1">#REF!</definedName>
    <definedName name="SWR" localSheetId="1">#REF!</definedName>
    <definedName name="T10M" localSheetId="1">#REF!</definedName>
    <definedName name="T10P" localSheetId="1">#REF!</definedName>
    <definedName name="T11M" localSheetId="1">#REF!</definedName>
    <definedName name="T11P" localSheetId="1">#REF!</definedName>
    <definedName name="T12M" localSheetId="1">#REF!</definedName>
    <definedName name="T12P" localSheetId="1">#REF!</definedName>
    <definedName name="T13M" localSheetId="1">#REF!</definedName>
    <definedName name="T13P" localSheetId="1">#REF!</definedName>
    <definedName name="T14M" localSheetId="1">#REF!</definedName>
    <definedName name="T14P" localSheetId="1">#REF!</definedName>
    <definedName name="T15M" localSheetId="1">#REF!</definedName>
    <definedName name="T15P" localSheetId="1">#REF!</definedName>
    <definedName name="T16M" localSheetId="1">#REF!</definedName>
    <definedName name="T16P" localSheetId="1">#REF!</definedName>
    <definedName name="T17M" localSheetId="1">#REF!</definedName>
    <definedName name="T17P" localSheetId="1">#REF!</definedName>
    <definedName name="T18M" localSheetId="1">#REF!</definedName>
    <definedName name="T18P" localSheetId="1">#REF!</definedName>
    <definedName name="T19M" localSheetId="1">#REF!</definedName>
    <definedName name="T19P" localSheetId="1">#REF!</definedName>
    <definedName name="T1E" localSheetId="1">#REF!</definedName>
    <definedName name="T1M" localSheetId="1">#REF!</definedName>
    <definedName name="T1P" localSheetId="1">#REF!</definedName>
    <definedName name="T1S" localSheetId="1">#REF!</definedName>
    <definedName name="T20M" localSheetId="1">#REF!</definedName>
    <definedName name="T20P" localSheetId="1">#REF!</definedName>
    <definedName name="T21M" localSheetId="1">#REF!</definedName>
    <definedName name="T21P" localSheetId="1">#REF!</definedName>
    <definedName name="T22E" localSheetId="1">#REF!</definedName>
    <definedName name="T23M" localSheetId="1">#REF!</definedName>
    <definedName name="T23P" localSheetId="1">#REF!</definedName>
    <definedName name="T24M" localSheetId="1">#REF!</definedName>
    <definedName name="T24P" localSheetId="1">#REF!</definedName>
    <definedName name="T2E" localSheetId="1">#REF!</definedName>
    <definedName name="T2M" localSheetId="1">#REF!</definedName>
    <definedName name="T2P" localSheetId="1">#REF!</definedName>
    <definedName name="T2S" localSheetId="1">#REF!</definedName>
    <definedName name="T3P" localSheetId="1">#REF!</definedName>
    <definedName name="T3S" localSheetId="1">#REF!</definedName>
    <definedName name="T4M" localSheetId="1">#REF!</definedName>
    <definedName name="T4P" localSheetId="1">#REF!</definedName>
    <definedName name="T5M" localSheetId="1">#REF!</definedName>
    <definedName name="T5P" localSheetId="1">#REF!</definedName>
    <definedName name="T6M" localSheetId="1">#REF!</definedName>
    <definedName name="T6P" localSheetId="1">#REF!</definedName>
    <definedName name="T7M" localSheetId="1">#REF!</definedName>
    <definedName name="T7P" localSheetId="1">#REF!</definedName>
    <definedName name="T8M" localSheetId="1">#REF!</definedName>
    <definedName name="T8P" localSheetId="1">#REF!</definedName>
    <definedName name="T9M" localSheetId="1">#REF!</definedName>
    <definedName name="T9P" localSheetId="1">#REF!</definedName>
    <definedName name="TITLE" localSheetId="1">#REF!</definedName>
    <definedName name="TK_BYUL_IN_BU" localSheetId="1">#REF!</definedName>
    <definedName name="TMO" localSheetId="1">#REF!</definedName>
    <definedName name="Total_Floor_Area" localSheetId="1">#REF!</definedName>
    <definedName name="tr" localSheetId="1" hidden="1">#REF!</definedName>
    <definedName name="TT" localSheetId="1">#REF!</definedName>
    <definedName name="TTT" localSheetId="1">#REF!</definedName>
    <definedName name="tuchal" localSheetId="1">#REF!</definedName>
    <definedName name="TW" localSheetId="1">#REF!</definedName>
    <definedName name="TWL" localSheetId="1">#REF!</definedName>
    <definedName name="TWR" localSheetId="1">#REF!</definedName>
    <definedName name="TYPE" localSheetId="1">#REF!</definedName>
    <definedName name="TYPEEA" localSheetId="1">#REF!</definedName>
    <definedName name="UNIT" localSheetId="1">#REF!</definedName>
    <definedName name="VAFP" localSheetId="1">#REF!</definedName>
    <definedName name="VBV" localSheetId="1">#REF!</definedName>
    <definedName name="VCR" localSheetId="1">#REF!</definedName>
    <definedName name="VDSVP" localSheetId="1">#REF!</definedName>
    <definedName name="VHAF" localSheetId="1">#REF!</definedName>
    <definedName name="VHMF" localSheetId="1">#REF!</definedName>
    <definedName name="VMF" localSheetId="1">#REF!</definedName>
    <definedName name="VMOTOR" localSheetId="1">#REF!</definedName>
    <definedName name="VPUMP" localSheetId="1">#REF!</definedName>
    <definedName name="VSV" localSheetId="1">#REF!</definedName>
    <definedName name="VVAFP" localSheetId="1">#REF!</definedName>
    <definedName name="VVMF" localSheetId="1">#REF!</definedName>
    <definedName name="VVV" localSheetId="1">#REF!</definedName>
    <definedName name="VWEI" localSheetId="1">#REF!</definedName>
    <definedName name="w" localSheetId="1">#REF!</definedName>
    <definedName name="W.SHOP" localSheetId="1">'[206]措施项目清单与计价表 '!W.SHOP</definedName>
    <definedName name="wall" localSheetId="1">#REF!</definedName>
    <definedName name="WEI" localSheetId="1">#REF!</definedName>
    <definedName name="Work_Description" localSheetId="1">#REF!</definedName>
    <definedName name="WSO" localSheetId="1">#REF!</definedName>
    <definedName name="WW" localSheetId="1">#REF!</definedName>
    <definedName name="wwwwwwwwwww" localSheetId="1" hidden="1">#REF!</definedName>
    <definedName name="X9701D_일위대가_List" localSheetId="1">#REF!</definedName>
    <definedName name="XA" localSheetId="1">#REF!</definedName>
    <definedName name="XLRPARAMS_BZSJ" localSheetId="1" hidden="1">#REF!</definedName>
    <definedName name="XLRPARAMS_FDDBR" localSheetId="1" hidden="1">#REF!</definedName>
    <definedName name="XLRPARAMS_QDH" localSheetId="1" hidden="1">#REF!</definedName>
    <definedName name="XLRPARAMS_TBR" localSheetId="1" hidden="1">#REF!</definedName>
    <definedName name="XLRPARAMS_ZBR" localSheetId="1" hidden="1">#REF!</definedName>
    <definedName name="XLRPARAMS_ZJH" localSheetId="1" hidden="1">#REF!</definedName>
    <definedName name="XLRPARAMS_ZYMC" localSheetId="1" hidden="1">#REF!</definedName>
    <definedName name="XS" localSheetId="1">#REF!</definedName>
    <definedName name="xx" localSheetId="1" hidden="1">#REF!</definedName>
    <definedName name="xxx" localSheetId="1" hidden="1">#REF!</definedName>
    <definedName name="XZ" localSheetId="1">#REF!</definedName>
    <definedName name="YONG_JUB_GONG" localSheetId="1">#REF!</definedName>
    <definedName name="YOO" localSheetId="1">#REF!</definedName>
    <definedName name="yoo10" localSheetId="1">#REF!</definedName>
    <definedName name="yoo2" localSheetId="1">#REF!</definedName>
    <definedName name="yoo3" localSheetId="1">#REF!</definedName>
    <definedName name="yoo4" localSheetId="1">#REF!</definedName>
    <definedName name="YOO5" localSheetId="1">#REF!</definedName>
    <definedName name="YOO6" localSheetId="1">#REF!</definedName>
    <definedName name="YOO7" localSheetId="1">#REF!</definedName>
    <definedName name="yoo8" localSheetId="1">#REF!</definedName>
    <definedName name="YOO9" localSheetId="1">#REF!</definedName>
    <definedName name="YOON" localSheetId="1">#REF!</definedName>
    <definedName name="YOON2" localSheetId="1">#REF!</definedName>
    <definedName name="YOON3" localSheetId="1">#REF!</definedName>
    <definedName name="YOON4" localSheetId="1">#REF!</definedName>
    <definedName name="Z" localSheetId="1">#REF!</definedName>
    <definedName name="Z_0E9FE9F8_6DD2_48FC_9AB4_8E7C3E14C436_.wvu.PrintArea" localSheetId="1" hidden="1">#REF!</definedName>
    <definedName name="Z_0E9FE9F8_6DD2_48FC_9AB4_8E7C3E14C436_.wvu.PrintTitles" localSheetId="1" hidden="1">#REF!</definedName>
    <definedName name="Z6_" localSheetId="1">#REF!</definedName>
    <definedName name="μs" localSheetId="1">#REF!</definedName>
    <definedName name="μs1" localSheetId="1">#REF!</definedName>
    <definedName name="ㄱㅈㅎ" localSheetId="1" hidden="1">#REF!</definedName>
    <definedName name="가설형틀확인서" localSheetId="1">BlankMacro1</definedName>
    <definedName name="가실행" localSheetId="1">#REF!</definedName>
    <definedName name="간접노무비" localSheetId="1">#REF!</definedName>
    <definedName name="간접노무비요율" localSheetId="1">#REF!</definedName>
    <definedName name="간접노무비표" localSheetId="1">#REF!</definedName>
    <definedName name="啊" localSheetId="1">AK+'[76]#REF!'!$B$1:$H$2544</definedName>
    <definedName name="갈빌1호" localSheetId="1">#REF!</definedName>
    <definedName name="갈빌2호" localSheetId="1">#REF!</definedName>
    <definedName name="갈빌3호" localSheetId="1">#REF!</definedName>
    <definedName name="개산분" localSheetId="1">#REF!</definedName>
    <definedName name="避雷" localSheetId="1">#REF!</definedName>
    <definedName name="견" localSheetId="1">#REF!,#REF!</definedName>
    <definedName name="견적" localSheetId="1">Dlog_Show</definedName>
    <definedName name="견적2" localSheetId="1">Dlog_Show</definedName>
    <definedName name="견적품의" localSheetId="1">#REF!</definedName>
    <definedName name="标高" localSheetId="1">#REF!</definedName>
    <definedName name="标准层对比2" localSheetId="1">#REF!</definedName>
    <definedName name="경비" localSheetId="1">#REF!</definedName>
    <definedName name="경비1" localSheetId="1" hidden="1">#REF!</definedName>
    <definedName name="경비합" localSheetId="1">#REF!</definedName>
    <definedName name="경상비" localSheetId="1">#REF!</definedName>
    <definedName name="表面氟碳喷涂" localSheetId="1">#REF!</definedName>
    <definedName name="玻璃" localSheetId="1">#REF!</definedName>
    <definedName name="玻璃规格" localSheetId="1">#REF!</definedName>
    <definedName name="玻璃索引" localSheetId="1">#REF!</definedName>
    <definedName name="공구" localSheetId="1">#REF!</definedName>
    <definedName name="공구손료" localSheetId="1">#REF!</definedName>
    <definedName name="공급가액" localSheetId="1">#REF!</definedName>
    <definedName name="공사명" localSheetId="1">#REF!</definedName>
    <definedName name="공사비" localSheetId="1">#REF!</definedName>
    <definedName name="공사원가" localSheetId="1">#REF!</definedName>
    <definedName name="공종" localSheetId="1">#REF!</definedName>
    <definedName name="공종갯수" localSheetId="1">#REF!</definedName>
    <definedName name="공종별" localSheetId="1">Dlog_Show</definedName>
    <definedName name="관급" localSheetId="1">#REF!,#REF!,#REF!</definedName>
    <definedName name="관급액" localSheetId="1">#REF!</definedName>
    <definedName name="관급자재대" localSheetId="1">#REF!</definedName>
    <definedName name="관급자재비" localSheetId="1">#REF!</definedName>
    <definedName name="관로연장거리" localSheetId="1">#REF!</definedName>
    <definedName name="관정지반고" localSheetId="1">#REF!</definedName>
    <definedName name="不好" localSheetId="1">#REF!</definedName>
    <definedName name="不利分格高" localSheetId="1">#REF!</definedName>
    <definedName name="不利风格宽" localSheetId="1">#REF!</definedName>
    <definedName name="才" localSheetId="1">AK+'[76]#REF!'!$B$1:$H$2544</definedName>
    <definedName name="层高" localSheetId="1">#REF!</definedName>
    <definedName name="层间防火隔断" localSheetId="1">#REF!</definedName>
    <definedName name="层间防火隔断用料" localSheetId="1">#REF!</definedName>
    <definedName name="구분" localSheetId="1">BlankMacro1</definedName>
    <definedName name="구분1" localSheetId="1">BlankMacro1</definedName>
    <definedName name="구산갑지" localSheetId="1" hidden="1">#REF!</definedName>
    <definedName name="군산" localSheetId="1">#REF!</definedName>
    <definedName name="군유1" localSheetId="1">#REF!</definedName>
    <definedName name="군유2" localSheetId="1">#REF!</definedName>
    <definedName name="군유3" localSheetId="1">#REF!</definedName>
    <definedName name="군유4" localSheetId="1">#REF!</definedName>
    <definedName name="군유5" localSheetId="1">#REF!</definedName>
    <definedName name="군유6" localSheetId="1">#REF!</definedName>
    <definedName name="군유7" localSheetId="1">#REF!</definedName>
    <definedName name="권" localSheetId="1">'[206]措施项目清单与计价表 '!권</definedName>
    <definedName name="권종원" localSheetId="1">'[206]措施项目清单与计价表 '!권종원</definedName>
    <definedName name="규격수" localSheetId="1">#REF!</definedName>
    <definedName name="기계3" localSheetId="1">BlankMacro1</definedName>
    <definedName name="기준" localSheetId="1">#REF!</definedName>
    <definedName name="기초데이타" localSheetId="1">#REF!</definedName>
    <definedName name="기초액" localSheetId="1">#REF!</definedName>
    <definedName name="기타경비" localSheetId="1">#REF!</definedName>
    <definedName name="기타경비요율" localSheetId="1">#REF!</definedName>
    <definedName name="기타경비표" localSheetId="1">#REF!</definedName>
    <definedName name="次料库" localSheetId="1">AK+'[76]#REF!'!$B$1:$H$2544</definedName>
    <definedName name="김세일" localSheetId="1">'[206]措施项目清单与计价表 '!김세일</definedName>
    <definedName name="김일" localSheetId="1">'[206]措施项目清单与计价表 '!김일</definedName>
    <definedName name="粗糙索引" localSheetId="1">#REF!</definedName>
    <definedName name="代号" localSheetId="1">#REF!</definedName>
    <definedName name="地" localSheetId="1">#REF!</definedName>
    <definedName name="地方" localSheetId="1">PUR资料+'[76]#REF!'!$B$7:$AV$3185</definedName>
    <definedName name="地震烈度" localSheetId="1">#REF!</definedName>
    <definedName name="分析表" localSheetId="1">[72]!分析表</definedName>
    <definedName name="封面2" localSheetId="1">#REF!</definedName>
    <definedName name="蜂窝铝板" localSheetId="1">#REF!</definedName>
    <definedName name="附加赛" localSheetId="1">#REF!</definedName>
    <definedName name="复合铝板" localSheetId="1">#REF!</definedName>
    <definedName name="概算表" localSheetId="1">#REF!</definedName>
    <definedName name="钢构件" localSheetId="1">#REF!</definedName>
    <definedName name="高度变化系数" localSheetId="1">#REF!</definedName>
    <definedName name="工程编号" localSheetId="1">#REF!</definedName>
    <definedName name="工程名称" localSheetId="1">#REF!</definedName>
    <definedName name="ㄴ" localSheetId="1">#REF!</definedName>
    <definedName name="ㄴㄱㄹ" localSheetId="1" hidden="1">#REF!</definedName>
    <definedName name="ㄴㄴ" localSheetId="1">#REF!</definedName>
    <definedName name="ㄴㄴㄴ" localSheetId="1">#REF!</definedName>
    <definedName name="ㄴㄴㄴㄴ" localSheetId="1">#REF!</definedName>
    <definedName name="ㄴㄴㄴㄴㄴ" localSheetId="1">#REF!</definedName>
    <definedName name="ㄴㅁ" localSheetId="1" hidden="1">#REF!</definedName>
    <definedName name="나." localSheetId="1">#REF!</definedName>
    <definedName name="나야" localSheetId="1">#REF!</definedName>
    <definedName name="남산1호" localSheetId="1">#REF!</definedName>
    <definedName name="남산2호" localSheetId="1">#REF!</definedName>
    <definedName name="내고" localSheetId="1">#REF!</definedName>
    <definedName name="내역서" localSheetId="1">#REF!</definedName>
    <definedName name="哈哈" localSheetId="1">#REF!</definedName>
    <definedName name="含量表" localSheetId="1">#REF!</definedName>
    <definedName name="好" localSheetId="1">#REF!</definedName>
    <definedName name="呵呵" localSheetId="1">#REF!</definedName>
    <definedName name="노" localSheetId="1">'[206]措施项目清单与计价表 '!노</definedName>
    <definedName name="노곡1호" localSheetId="1">#REF!</definedName>
    <definedName name="노곡2호" localSheetId="1">#REF!</definedName>
    <definedName name="노곡3호" localSheetId="1">#REF!</definedName>
    <definedName name="노곡4호" localSheetId="1">#REF!</definedName>
    <definedName name="노무비" localSheetId="1">#REF!</definedName>
    <definedName name="노무비합" localSheetId="1">#REF!</definedName>
    <definedName name="노부비" localSheetId="1">#REF!</definedName>
    <definedName name="노임" localSheetId="1">#REF!</definedName>
    <definedName name="노임1" localSheetId="1">BlankMacro1</definedName>
    <definedName name="농원1호" localSheetId="1">#REF!</definedName>
    <definedName name="농원2호" localSheetId="1">#REF!</definedName>
    <definedName name="胶条" localSheetId="1">#REF!</definedName>
    <definedName name="结构胶" localSheetId="1">#REF!</definedName>
    <definedName name="结果" localSheetId="1">#REF!</definedName>
    <definedName name="다." localSheetId="1">#REF!</definedName>
    <definedName name="단가" localSheetId="1">#REF!</definedName>
    <definedName name="단가2" localSheetId="1">#REF!,#REF!</definedName>
    <definedName name="단가비교표" localSheetId="1">#REF!,#REF!</definedName>
    <definedName name="단가산출" localSheetId="1">#REF!</definedName>
    <definedName name="단가적용표" localSheetId="1">#REF!</definedName>
    <definedName name="대가" localSheetId="1">#REF!,#REF!</definedName>
    <definedName name="대구" localSheetId="1">#REF!</definedName>
    <definedName name="类型" localSheetId="1">#REF!</definedName>
    <definedName name="덕산1호" localSheetId="1">#REF!</definedName>
    <definedName name="덕산2호" localSheetId="1">#REF!</definedName>
    <definedName name="덕산3호" localSheetId="1">#REF!</definedName>
    <definedName name="덕산4호" localSheetId="1">#REF!</definedName>
    <definedName name="덕수" localSheetId="1">'[206]措施项目清单与计价表 '!덕수</definedName>
    <definedName name="덕전1호" localSheetId="1">#REF!</definedName>
    <definedName name="덕전2호" localSheetId="1">#REF!</definedName>
    <definedName name="덕전3호" localSheetId="1">#REF!</definedName>
    <definedName name="덕지1호" localSheetId="1">#REF!</definedName>
    <definedName name="덕천1호" localSheetId="1">#REF!</definedName>
    <definedName name="덕천2호" localSheetId="1">#REF!</definedName>
    <definedName name="덕천3호" localSheetId="1">#REF!</definedName>
    <definedName name="덕천4호" localSheetId="1">#REF!</definedName>
    <definedName name="도공100미" localSheetId="1">#REF!</definedName>
    <definedName name="도공100억" localSheetId="1">#REF!</definedName>
    <definedName name="도급공사" localSheetId="1">#REF!</definedName>
    <definedName name="도급공사비" localSheetId="1">#REF!</definedName>
    <definedName name="도급예산액" localSheetId="1">#REF!</definedName>
    <definedName name="도급예상액" localSheetId="1">#REF!</definedName>
    <definedName name="도장면적" localSheetId="1">#REF!</definedName>
    <definedName name="도장면적가공" localSheetId="1">#REF!</definedName>
    <definedName name="도장면적가공1" localSheetId="1">#REF!</definedName>
    <definedName name="동두천" localSheetId="1">#REF!</definedName>
    <definedName name="螺栓" localSheetId="1">#REF!</definedName>
    <definedName name="铝板" localSheetId="1">#REF!</definedName>
    <definedName name="铝单板" localSheetId="1">#REF!</definedName>
    <definedName name="두기1" localSheetId="1">#REF!</definedName>
    <definedName name="두기1호" localSheetId="1">#REF!</definedName>
    <definedName name="두기2" localSheetId="1">#REF!</definedName>
    <definedName name="두기2호" localSheetId="1">#REF!</definedName>
    <definedName name="두기3" localSheetId="1">#REF!</definedName>
    <definedName name="두기3호" localSheetId="1">#REF!</definedName>
    <definedName name="磨擦铰链" localSheetId="1">#REF!</definedName>
    <definedName name="耐候胶" localSheetId="1">#REF!</definedName>
    <definedName name="你好" localSheetId="1">#REF!</definedName>
    <definedName name="其他辅料" localSheetId="1">#REF!</definedName>
    <definedName name="其他胶" localSheetId="1">#REF!</definedName>
    <definedName name="ㄹ" localSheetId="1">#REF!</definedName>
    <definedName name="ㄹㄹ" localSheetId="1">#REF!</definedName>
    <definedName name="ㄹㄹㄹ" localSheetId="1">#REF!</definedName>
    <definedName name="ㄹㄹㄹㄹ" localSheetId="1">#REF!</definedName>
    <definedName name="ㄹㄹㄹㄹㄹ" localSheetId="1">#REF!</definedName>
    <definedName name="ㄹㄹㄹㄹㄹㄹ" localSheetId="1">#REF!</definedName>
    <definedName name="ㄹㄹㄹㄹㄹㄹㄹ" localSheetId="1">#REF!</definedName>
    <definedName name="ㄹㄹㄹㄹㄹㄹㄹㄹㄹㄹㄹ" localSheetId="1">#REF!</definedName>
    <definedName name="ㄹㄹㄹㄹㄹㄹㄹㄹㄹㄹㄹㄹㄹㄹㄹ" localSheetId="1">#REF!</definedName>
    <definedName name="ㄹ호" localSheetId="1" hidden="1">#REF!</definedName>
    <definedName name="石材" localSheetId="1">#REF!</definedName>
    <definedName name="是" localSheetId="1">AK+'[76]#REF!'!$B$1:$H$2544</definedName>
    <definedName name="室外地坪标高" localSheetId="1">#REF!</definedName>
    <definedName name="体型系数" localSheetId="1">#REF!</definedName>
    <definedName name="ㅁㄴ" localSheetId="1" hidden="1">#REF!</definedName>
    <definedName name="ㅁㅁㅁ" localSheetId="1">#REF!</definedName>
    <definedName name="ㅁㅁㅁㅁㅁㅁ" localSheetId="1" hidden="1">#REF!</definedName>
    <definedName name="ㅁㅇ" localSheetId="1">#REF!</definedName>
    <definedName name="마" localSheetId="1">'[206]措施项目清单与计价表 '!마</definedName>
    <definedName name="外委加工.dbf" localSheetId="1">#REF!</definedName>
    <definedName name="멘트" localSheetId="1">#REF!</definedName>
    <definedName name="文件名称" localSheetId="1">#REF!</definedName>
    <definedName name="五金配件" localSheetId="1">#REF!</definedName>
    <definedName name="모래" localSheetId="1">#REF!</definedName>
    <definedName name="모래1" localSheetId="1">#REF!</definedName>
    <definedName name="想" localSheetId="1">AK+'[76]#REF!'!$B$1:$H$2544</definedName>
    <definedName name="型材" localSheetId="1">#REF!</definedName>
    <definedName name="무농1호" localSheetId="1">#REF!</definedName>
    <definedName name="무농2호" localSheetId="1">#REF!</definedName>
    <definedName name="박경희" localSheetId="1">#REF!</definedName>
    <definedName name="번들1호" localSheetId="1">#REF!</definedName>
    <definedName name="번들2호" localSheetId="1">#REF!</definedName>
    <definedName name="번들3호" localSheetId="1">#REF!</definedName>
    <definedName name="阵风系数" localSheetId="1">#REF!</definedName>
    <definedName name="资料库2" localSheetId="1">PUR资料+'[76]#REF!'!$B$7:$AV$3185</definedName>
    <definedName name="综合单价1" localSheetId="1">#REF!</definedName>
    <definedName name="부가가치세" localSheetId="1">#REF!</definedName>
    <definedName name="부가가치세요율" localSheetId="1">#REF!</definedName>
    <definedName name="부가가치표" localSheetId="1">#REF!</definedName>
    <definedName name="부대" localSheetId="1">#REF!</definedName>
    <definedName name="부대내역비교" localSheetId="1">#REF!</definedName>
    <definedName name="부대사항" localSheetId="1">#REF!</definedName>
    <definedName name="부토" localSheetId="1">Dlog_Show</definedName>
    <definedName name="最大地震加速度" localSheetId="1">#REF!</definedName>
    <definedName name="분석" localSheetId="1">#REF!</definedName>
    <definedName name="비계" localSheetId="1">#REF!</definedName>
    <definedName name="비교표2" localSheetId="1" hidden="1">#REF!</definedName>
    <definedName name="비목1" localSheetId="1">#REF!</definedName>
    <definedName name="비목2" localSheetId="1">#REF!</definedName>
    <definedName name="비목3" localSheetId="1">#REF!</definedName>
    <definedName name="비목4" localSheetId="1">#REF!</definedName>
    <definedName name="ㅅㅅ" localSheetId="1">#REF!</definedName>
    <definedName name="사" localSheetId="1" hidden="1">#REF!</definedName>
    <definedName name="산재보험료" localSheetId="1">#REF!</definedName>
    <definedName name="산재보험료요율" localSheetId="1">#REF!</definedName>
    <definedName name="산재보험료표" localSheetId="1">#REF!</definedName>
    <definedName name="산출" localSheetId="1">#REF!</definedName>
    <definedName name="산출경비" localSheetId="1">#REF!</definedName>
    <definedName name="산출근거" localSheetId="1">BlankMacro1</definedName>
    <definedName name="삼" localSheetId="1">#REF!</definedName>
    <definedName name="상림1호" localSheetId="1">#REF!</definedName>
    <definedName name="상림2호" localSheetId="1">#REF!</definedName>
    <definedName name="상림3호" localSheetId="1">#REF!</definedName>
    <definedName name="생사1호" localSheetId="1">#REF!</definedName>
    <definedName name="생사2호" localSheetId="1">#REF!</definedName>
    <definedName name="생사기존" localSheetId="1">#REF!</definedName>
    <definedName name="서울" localSheetId="1">#REF!</definedName>
    <definedName name="선량1호" localSheetId="1">#REF!</definedName>
    <definedName name="선량2호" localSheetId="1">#REF!</definedName>
    <definedName name="선량3호" localSheetId="1">#REF!</definedName>
    <definedName name="선량4호" localSheetId="1">#REF!</definedName>
    <definedName name="선량5호" localSheetId="1">#REF!</definedName>
    <definedName name="설계사" localSheetId="1">#REF!</definedName>
    <definedName name="설계삼" localSheetId="1">#REF!</definedName>
    <definedName name="설계오" localSheetId="1">#REF!</definedName>
    <definedName name="설계육" localSheetId="1">#REF!</definedName>
    <definedName name="설계이" localSheetId="1">#REF!</definedName>
    <definedName name="성산1호" localSheetId="1">#REF!</definedName>
    <definedName name="성산2호" localSheetId="1">#REF!</definedName>
    <definedName name="성산3호" localSheetId="1">#REF!</definedName>
    <definedName name="성산4호" localSheetId="1">#REF!</definedName>
    <definedName name="성산5호" localSheetId="1">#REF!</definedName>
    <definedName name="세일" localSheetId="1">'[206]措施项目清单与计价表 '!세일</definedName>
    <definedName name="송수관로구경" localSheetId="1">#REF!</definedName>
    <definedName name="송천1" localSheetId="1">#REF!</definedName>
    <definedName name="송천2" localSheetId="1">#REF!</definedName>
    <definedName name="수량산출" localSheetId="1">BlankMacro1</definedName>
    <definedName name="수량산출2" localSheetId="1">BlankMacro1</definedName>
    <definedName name="수량산출5" localSheetId="1">BlankMacro1</definedName>
    <definedName name="수중모타1" localSheetId="1">#REF!</definedName>
    <definedName name="수중모타10" localSheetId="1">#REF!</definedName>
    <definedName name="수중모타15" localSheetId="1">#REF!</definedName>
    <definedName name="수중모타2" localSheetId="1">#REF!</definedName>
    <definedName name="수중모타20" localSheetId="1">#REF!</definedName>
    <definedName name="수중모타25" localSheetId="1">#REF!</definedName>
    <definedName name="수중모타3" localSheetId="1">#REF!</definedName>
    <definedName name="수중모타30" localSheetId="1">#REF!</definedName>
    <definedName name="수중모타5" localSheetId="1">#REF!</definedName>
    <definedName name="수중모타7.5" localSheetId="1">#REF!</definedName>
    <definedName name="수중모터펌프단가" localSheetId="1">#REF!</definedName>
    <definedName name="수중케이블단가" localSheetId="1">#REF!</definedName>
    <definedName name="수행능력" localSheetId="1">#REF!</definedName>
    <definedName name="순공사비" localSheetId="1">#REF!</definedName>
    <definedName name="순공사원가" localSheetId="1">#REF!</definedName>
    <definedName name="시" localSheetId="1">#REF!</definedName>
    <definedName name="신성1" localSheetId="1">#REF!</definedName>
    <definedName name="신성2" localSheetId="1">#REF!</definedName>
    <definedName name="신성3" localSheetId="1">#REF!</definedName>
    <definedName name="신성4" localSheetId="1">#REF!</definedName>
    <definedName name="신성5" localSheetId="1">#REF!</definedName>
    <definedName name="신성6" localSheetId="1">#REF!</definedName>
    <definedName name="신성7" localSheetId="1">#REF!</definedName>
    <definedName name="신청서4" localSheetId="1">BlankMacro1</definedName>
    <definedName name="신흥1호" localSheetId="1">#REF!</definedName>
    <definedName name="신흥2호" localSheetId="1">#REF!</definedName>
    <definedName name="실경상" localSheetId="1">#REF!</definedName>
    <definedName name="실투입대비" localSheetId="1">BlankMacro1</definedName>
    <definedName name="실행" localSheetId="1">#REF!</definedName>
    <definedName name="실행검토" localSheetId="1" hidden="1">#REF!</definedName>
    <definedName name="실행예상액" localSheetId="1" hidden="1">#REF!</definedName>
    <definedName name="실행집계" localSheetId="1">#REF!</definedName>
    <definedName name="ㅇㄹ" localSheetId="1" hidden="1">#REF!</definedName>
    <definedName name="ㅇㅇ" localSheetId="1">#REF!</definedName>
    <definedName name="ㅇㅇㅇ" localSheetId="1">#REF!</definedName>
    <definedName name="아" localSheetId="1">'[206]措施项目清单与计价表 '!아</definedName>
    <definedName name="아연도강관단가" localSheetId="1">#REF!</definedName>
    <definedName name="아연도배관단가" localSheetId="1">#REF!</definedName>
    <definedName name="아연도배관자재" localSheetId="1">#REF!</definedName>
    <definedName name="안녕" localSheetId="1">'[206]措施项目清单与计价表 '!안녕</definedName>
    <definedName name="안방1호" localSheetId="1">#REF!</definedName>
    <definedName name="안방2호" localSheetId="1">#REF!</definedName>
    <definedName name="안전관리비" localSheetId="1">#REF!</definedName>
    <definedName name="안전관리비요율" localSheetId="1">#REF!</definedName>
    <definedName name="안전관리비표" localSheetId="1">#REF!</definedName>
    <definedName name="안정수위" localSheetId="1">#REF!</definedName>
    <definedName name="안주" localSheetId="1">'[206]措施项目清单与计价表 '!안주</definedName>
    <definedName name="앞들1호" localSheetId="1">#REF!</definedName>
    <definedName name="앞들2호" localSheetId="1">#REF!</definedName>
    <definedName name="양수량" localSheetId="1">#REF!</definedName>
    <definedName name="양식" localSheetId="1">#REF!</definedName>
    <definedName name="업체" localSheetId="1" hidden="1">#REF!</definedName>
    <definedName name="오산" localSheetId="1">#REF!</definedName>
    <definedName name="오주1호" localSheetId="1">#REF!</definedName>
    <definedName name="오주2호" localSheetId="1">#REF!</definedName>
    <definedName name="오주3호" localSheetId="1">#REF!</definedName>
    <definedName name="오주4호" localSheetId="1">#REF!</definedName>
    <definedName name="왕암내역" localSheetId="1">#REF!</definedName>
    <definedName name="요동1호" localSheetId="1">#REF!</definedName>
    <definedName name="요동2호" localSheetId="1">#REF!</definedName>
    <definedName name="용접" localSheetId="1">#REF!</definedName>
    <definedName name="우산" localSheetId="1">#REF!</definedName>
    <definedName name="운반중량산출2" localSheetId="1">#REF!</definedName>
    <definedName name="운암" localSheetId="1">#REF!</definedName>
    <definedName name="운호1호" localSheetId="1">#REF!</definedName>
    <definedName name="운호2호" localSheetId="1">#REF!</definedName>
    <definedName name="운호3호" localSheetId="1">#REF!</definedName>
    <definedName name="울산프랜지" localSheetId="1">#REF!</definedName>
    <definedName name="원가계산" localSheetId="1">'[206]措施项目清单与计价表 '!원가계산</definedName>
    <definedName name="원가계산명" localSheetId="1">#REF!</definedName>
    <definedName name="원가계산창" localSheetId="1">'[206]措施项目清单与计价表 '!원가계산창</definedName>
    <definedName name="원운1호" localSheetId="1">#REF!</definedName>
    <definedName name="원운2호" localSheetId="1">#REF!</definedName>
    <definedName name="육" localSheetId="1">#REF!</definedName>
    <definedName name="육리1호" localSheetId="1">#REF!</definedName>
    <definedName name="육리2호" localSheetId="1">#REF!</definedName>
    <definedName name="은산1호" localSheetId="1">#REF!</definedName>
    <definedName name="은산2호" localSheetId="1">#REF!</definedName>
    <definedName name="은산3호" localSheetId="1">#REF!</definedName>
    <definedName name="은산4호" localSheetId="1">#REF!</definedName>
    <definedName name="의무비" localSheetId="1">#REF!</definedName>
    <definedName name="의정부" localSheetId="1">#REF!</definedName>
    <definedName name="이" localSheetId="1">#REF!</definedName>
    <definedName name="이미" localSheetId="1">'[206]措施项目清单与计价表 '!이미</definedName>
    <definedName name="이미도" localSheetId="1">'[206]措施项目清单与计价表 '!이미도</definedName>
    <definedName name="이윤" localSheetId="1">#REF!</definedName>
    <definedName name="이윤요율" localSheetId="1">#REF!</definedName>
    <definedName name="이윤표" localSheetId="1">#REF!</definedName>
    <definedName name="이희선" localSheetId="1">#REF!,#REF!</definedName>
    <definedName name="인공" localSheetId="1">#REF!</definedName>
    <definedName name="인쇄양식" localSheetId="1">'[206]措施项目清单与计价表 '!인쇄양식</definedName>
    <definedName name="인입공사비" localSheetId="1">#REF!</definedName>
    <definedName name="일반관리비" localSheetId="1">#REF!</definedName>
    <definedName name="일반관리비요율" localSheetId="1">#REF!</definedName>
    <definedName name="일반관리비표" localSheetId="1">#REF!</definedName>
    <definedName name="일위" localSheetId="1">#REF!,#REF!</definedName>
    <definedName name="일위대가" localSheetId="1">#REF!</definedName>
    <definedName name="일위목록" localSheetId="1">#REF!</definedName>
    <definedName name="입력란" localSheetId="1">#REF!</definedName>
    <definedName name="입력전체" localSheetId="1">#REF!</definedName>
    <definedName name="입안1호" localSheetId="1">#REF!</definedName>
    <definedName name="입안2호" localSheetId="1">#REF!</definedName>
    <definedName name="입안3호" localSheetId="1">#REF!</definedName>
    <definedName name="입안4호" localSheetId="1">#REF!</definedName>
    <definedName name="입안기존2" localSheetId="1">#REF!</definedName>
    <definedName name="자연수위" localSheetId="1">#REF!</definedName>
    <definedName name="자재" localSheetId="1">#REF!</definedName>
    <definedName name="자재인력조달" localSheetId="1">'[206]措施项目清单与计价表 '!자재인력조달</definedName>
    <definedName name="잡자재비" localSheetId="1">#REF!</definedName>
    <definedName name="장산1" localSheetId="1">#REF!</definedName>
    <definedName name="장산2" localSheetId="1">#REF!</definedName>
    <definedName name="장산3" localSheetId="1">#REF!</definedName>
    <definedName name="장춘" localSheetId="1">#REF!</definedName>
    <definedName name="재료비" localSheetId="1">#REF!</definedName>
    <definedName name="재료비요율" localSheetId="1">#REF!</definedName>
    <definedName name="재료집계3" localSheetId="1">#REF!</definedName>
    <definedName name="저격2" localSheetId="1">#REF!</definedName>
    <definedName name="저수조만수위" localSheetId="1">#REF!</definedName>
    <definedName name="전동기용량" localSheetId="1">#REF!</definedName>
    <definedName name="전선관부속품비" localSheetId="1">#REF!</definedName>
    <definedName name="전장su" localSheetId="1">#REF!</definedName>
    <definedName name="정열범위" localSheetId="1">#REF!</definedName>
    <definedName name="조달예가" localSheetId="1">#REF!</definedName>
    <definedName name="종원" localSheetId="1">'[206]措施项目清单与计价表 '!종원</definedName>
    <definedName name="중량" localSheetId="1">#REF!</definedName>
    <definedName name="중량표" localSheetId="1">#REF!</definedName>
    <definedName name="지동" localSheetId="1">#REF!</definedName>
    <definedName name="지질" localSheetId="1">#REF!</definedName>
    <definedName name="지질2" localSheetId="1">#REF!</definedName>
    <definedName name="직접경비" localSheetId="1">#REF!</definedName>
    <definedName name="직접노무비" localSheetId="1">#REF!</definedName>
    <definedName name="직접노무비요율" localSheetId="1">#REF!</definedName>
    <definedName name="직접비" localSheetId="1">#REF!</definedName>
    <definedName name="직접재료비" localSheetId="1">#REF!</definedName>
    <definedName name="직접재료비합" localSheetId="1">#REF!</definedName>
    <definedName name="직종" localSheetId="1">#REF!</definedName>
    <definedName name="직종명" localSheetId="1">#REF!</definedName>
    <definedName name="진석" localSheetId="1">#REF!,#REF!</definedName>
    <definedName name="ㅊ3" localSheetId="1">#REF!</definedName>
    <definedName name="차체2" localSheetId="1">#REF!</definedName>
    <definedName name="착정심도" localSheetId="1">#REF!</definedName>
    <definedName name="철골공" localSheetId="1">#REF!</definedName>
    <definedName name="철근확인서" localSheetId="1">BlankMacro1</definedName>
    <definedName name="철목1호" localSheetId="1">#REF!</definedName>
    <definedName name="철목2호" localSheetId="1">#REF!</definedName>
    <definedName name="철목3호" localSheetId="1">#REF!</definedName>
    <definedName name="철목4호" localSheetId="1">#REF!</definedName>
    <definedName name="철콘" localSheetId="1">#REF!</definedName>
    <definedName name="철콘견적" localSheetId="1">#REF!</definedName>
    <definedName name="철콘공사" localSheetId="1">'[206]措施项目清单与计价表 '!철콘공사</definedName>
    <definedName name="철콘번호" localSheetId="1">#REF!</definedName>
    <definedName name="청림1호" localSheetId="1">#REF!</definedName>
    <definedName name="청림2호" localSheetId="1">#REF!</definedName>
    <definedName name="청림3호" localSheetId="1">#REF!</definedName>
    <definedName name="총공사비" localSheetId="1">#REF!</definedName>
    <definedName name="총괄" localSheetId="1">#REF!</definedName>
    <definedName name="총괄표" localSheetId="1" hidden="1">#REF!</definedName>
    <definedName name="총괄표0" localSheetId="1" hidden="1">#REF!</definedName>
    <definedName name="총원가" localSheetId="1">#REF!</definedName>
    <definedName name="칠" localSheetId="1">#REF!</definedName>
    <definedName name="ㅌㅌㅌㅌㅌㅌㅌ" localSheetId="1">#REF!</definedName>
    <definedName name="템플리트모듈6" localSheetId="1">Dlog_Show</definedName>
    <definedName name="토" localSheetId="1" hidden="1">#REF!</definedName>
    <definedName name="토목" localSheetId="1">BlankMacro1</definedName>
    <definedName name="투찰서_2" localSheetId="1">'[206]措施项目清单与计价表 '!투찰서_2</definedName>
    <definedName name="투찰서_3" localSheetId="1">'[206]措施项目清单与计价表 '!투찰서_3</definedName>
    <definedName name="투찰서2" localSheetId="1">'[206]措施项目清单与计价表 '!투찰서2</definedName>
    <definedName name="팔" localSheetId="1" hidden="1">#REF!</definedName>
    <definedName name="펌프구경" localSheetId="1">#REF!</definedName>
    <definedName name="평택" localSheetId="1">#REF!</definedName>
    <definedName name="표지" localSheetId="1" hidden="1">#REF!</definedName>
    <definedName name="프린트" localSheetId="1">#REF!</definedName>
    <definedName name="ㅎ" localSheetId="1">#REF!</definedName>
    <definedName name="ㅎ314" localSheetId="1">#REF!</definedName>
    <definedName name="ㅎ384" localSheetId="1">#REF!</definedName>
    <definedName name="ㅎㄹㄹ" localSheetId="1">#REF!</definedName>
    <definedName name="하도급계획서" localSheetId="1">#REF!</definedName>
    <definedName name="한" localSheetId="1" hidden="1">#REF!</definedName>
    <definedName name="한교1호" localSheetId="1">#REF!</definedName>
    <definedName name="한교2호" localSheetId="1">#REF!</definedName>
    <definedName name="한교3호" localSheetId="1">#REF!</definedName>
    <definedName name="한전" localSheetId="1">#REF!</definedName>
    <definedName name="한전수탁비" localSheetId="1">#REF!</definedName>
    <definedName name="할증" localSheetId="1">#REF!</definedName>
    <definedName name="합계" localSheetId="1">#REF!</definedName>
    <definedName name="행삭제" localSheetId="1">#REF!</definedName>
    <definedName name="현천기자재비" localSheetId="1">#REF!</definedName>
    <definedName name="화신1호" localSheetId="1">#REF!</definedName>
    <definedName name="화신2호" localSheetId="1">#REF!</definedName>
    <definedName name="화신기존1" localSheetId="1">#REF!</definedName>
    <definedName name="화신기존2" localSheetId="1">#REF!</definedName>
    <definedName name="환산계수" localSheetId="1">#REF!</definedName>
    <definedName name="회사명" localSheetId="1">#REF!</definedName>
    <definedName name="회시1호" localSheetId="1">#REF!</definedName>
    <definedName name="회시2호" localSheetId="1">#REF!</definedName>
    <definedName name="효구" localSheetId="1">Dlog_Show</definedName>
    <definedName name="후다" localSheetId="1">'[206]措施项目清单与计价表 '!후다</definedName>
    <definedName name="희선" localSheetId="1">#REF!,#REF!,#REF!,#REF!,#REF!,#REF!,#REF!,#REF!,#REF!,#REF!,#REF!,#REF!,#REF!,#REF!,#REF!,#REF!,#REF!,#REF!,#REF!</definedName>
    <definedName name="ㅗ1433" localSheetId="1">#REF!</definedName>
    <definedName name="ㅗㅓㅏ" localSheetId="1">#REF!</definedName>
    <definedName name="ㅠ" localSheetId="1">#REF!</definedName>
    <definedName name="ㅠ1" localSheetId="1">#REF!</definedName>
    <definedName name="ㅠ121" localSheetId="1">#REF!</definedName>
    <definedName name="ㅡㅁㅊ개14" localSheetId="1">[140]!Macro13</definedName>
    <definedName name="Module.Prix_SMC" localSheetId="1">'[206]报价汇总表 '!Module.Prix_SMC</definedName>
    <definedName name="_xlnm.Print_Area" localSheetId="1">党员活动中心氛围!$A$1:$H$31</definedName>
    <definedName name="_xlnm.Print_Titles" localSheetId="1">党员活动中心氛围!$1:$5</definedName>
    <definedName name="标段一" localSheetId="1">'[206]报价汇总表 '!标段一</definedName>
    <definedName name="二" localSheetId="1">'[206]报价汇总表 '!二</definedName>
    <definedName name="\e">#REF!</definedName>
    <definedName name="\g">#REF!</definedName>
    <definedName name="\O">#REF!</definedName>
    <definedName name="\s">#REF!</definedName>
    <definedName name="_\D">#REF!</definedName>
    <definedName name="_\X">#REF!</definedName>
    <definedName name="_____key2" hidden="1">#REF!</definedName>
    <definedName name="____key2" hidden="1">#REF!</definedName>
    <definedName name="____YO1">#REF!</definedName>
    <definedName name="___BMK10">#REF!</definedName>
    <definedName name="___HSH1">#REF!</definedName>
    <definedName name="___HSH2">#REF!</definedName>
    <definedName name="___HTB2">#REF!</definedName>
    <definedName name="___HTS1">#REF!</definedName>
    <definedName name="___key2" hidden="1">#REF!</definedName>
    <definedName name="___MS1">#REF!</definedName>
    <definedName name="___mu1">#REF!</definedName>
    <definedName name="___mu2">#REF!</definedName>
    <definedName name="___mu3">#REF!</definedName>
    <definedName name="___na7">#REF!</definedName>
    <definedName name="___nf1">#REF!</definedName>
    <definedName name="___nf2">#REF!</definedName>
    <definedName name="___nf3">#REF!</definedName>
    <definedName name="___ng30">#REF!</definedName>
    <definedName name="___ng35">#REF!</definedName>
    <definedName name="___NP1">#REF!</definedName>
    <definedName name="___NP2">#REF!</definedName>
    <definedName name="___NSH1">#REF!</definedName>
    <definedName name="___NSH2">#REF!</definedName>
    <definedName name="___pa7">#REF!</definedName>
    <definedName name="___pf1">#REF!</definedName>
    <definedName name="___pf2">#REF!</definedName>
    <definedName name="___pf3">#REF!</definedName>
    <definedName name="___pg30">#REF!</definedName>
    <definedName name="___pg35">#REF!</definedName>
    <definedName name="___ppa7">#REF!</definedName>
    <definedName name="___ppf1">#REF!</definedName>
    <definedName name="___ppf2">#REF!</definedName>
    <definedName name="___ppf3">#REF!</definedName>
    <definedName name="___ppg30">#REF!</definedName>
    <definedName name="___ppg35">#REF!</definedName>
    <definedName name="___QTY10">#REF!</definedName>
    <definedName name="___UPR10">#REF!</definedName>
    <definedName name="___vrc25">#REF!</definedName>
    <definedName name="___YO1">#REF!</definedName>
    <definedName name="__A15">#REF!</definedName>
    <definedName name="__BMK10">#REF!</definedName>
    <definedName name="__D1">#REF!</definedName>
    <definedName name="__HSH1">#REF!</definedName>
    <definedName name="__HSH2">#REF!</definedName>
    <definedName name="__HTB2">#REF!</definedName>
    <definedName name="__HTS1">#REF!</definedName>
    <definedName name="__key2" hidden="1">#REF!</definedName>
    <definedName name="__MS1">#REF!</definedName>
    <definedName name="__mu1">#REF!</definedName>
    <definedName name="__mu2">#REF!</definedName>
    <definedName name="__mu3">#REF!</definedName>
    <definedName name="__na7">#REF!</definedName>
    <definedName name="__nf1">#REF!</definedName>
    <definedName name="__nf2">#REF!</definedName>
    <definedName name="__nf3">#REF!</definedName>
    <definedName name="__ng30">#REF!</definedName>
    <definedName name="__ng35">#REF!</definedName>
    <definedName name="__NP1">#REF!</definedName>
    <definedName name="__NP2">#REF!</definedName>
    <definedName name="__NSH1">#REF!</definedName>
    <definedName name="__NSH2">#REF!</definedName>
    <definedName name="__pa7">#REF!</definedName>
    <definedName name="__pf1">#REF!</definedName>
    <definedName name="__pf2">#REF!</definedName>
    <definedName name="__pf3">#REF!</definedName>
    <definedName name="__pg30">#REF!</definedName>
    <definedName name="__pg35">#REF!</definedName>
    <definedName name="__ppa7">#REF!</definedName>
    <definedName name="__ppf1">#REF!</definedName>
    <definedName name="__ppf2">#REF!</definedName>
    <definedName name="__ppf3">#REF!</definedName>
    <definedName name="__ppg30">#REF!</definedName>
    <definedName name="__ppg35">#REF!</definedName>
    <definedName name="__QTY10">#REF!</definedName>
    <definedName name="__UPR10">#REF!</definedName>
    <definedName name="__V200">[217]!__V200</definedName>
    <definedName name="__vrc25">#REF!</definedName>
    <definedName name="__YO1">#REF!</definedName>
    <definedName name="__총괄표" hidden="1">#REF!</definedName>
    <definedName name="_0.33__18.8_18.8__0.33__1.43_1.433_2.166_1.466_6.335_1.466_1.866_1.433_4.366_1.15_0.85_4.43_0.82_1.61_2.45_1.85_2.02_0.6_4.6_2.7_2.45_1.61_5.25_0.85_1.25_4.5_1.7_2_1.466_1_6.335_1_1.466_2.166_1.433_1.433_3.416_2_11.61__0.33__2.75_1.8_1.85_1.8_3.1_2.44_2.7">#REF!</definedName>
    <definedName name="_000年.xls">#REF!</definedName>
    <definedName name="_001年.xls">#REF!</definedName>
    <definedName name="_002年.xls">#REF!</definedName>
    <definedName name="_1.65_7.35_1.5_1.65_1.8_2.65_2_1.8_2.65___3.65_0.1">#REF!</definedName>
    <definedName name="_16.025_8.297_18.65__10.5">#REF!</definedName>
    <definedName name="_16_3_0Crite">#REF!</definedName>
    <definedName name="_17_3_0Criteria">#REF!</definedName>
    <definedName name="_18_3__Crite">#REF!</definedName>
    <definedName name="_19_3__Criteria">#REF!</definedName>
    <definedName name="_1공장">#REF!</definedName>
    <definedName name="_20A15_">#REF!</definedName>
    <definedName name="_21G_0Extr">#REF!</definedName>
    <definedName name="_22G_0Extract">#REF!</definedName>
    <definedName name="_23G__Extr">#REF!</definedName>
    <definedName name="_24G__Extract">#REF!</definedName>
    <definedName name="_28V200_">[217]!_28V200_</definedName>
    <definedName name="_29V200_">[217]!_29V200_</definedName>
    <definedName name="_2공장">#REF!</definedName>
    <definedName name="_3.2_3_2.25__0.51_0.3">#REF!</definedName>
    <definedName name="_3공장">#REF!</definedName>
    <definedName name="_A">#REF!</definedName>
    <definedName name="_A15">#REF!</definedName>
    <definedName name="_BMK10">#REF!</definedName>
    <definedName name="_Dist_Bin" hidden="1">#REF!</definedName>
    <definedName name="_Dist_Values" hidden="1">#REF!</definedName>
    <definedName name="_HSH1">#REF!</definedName>
    <definedName name="_HSH2">#REF!</definedName>
    <definedName name="_HTB2">#REF!</definedName>
    <definedName name="_HTS1">#REF!</definedName>
    <definedName name="_Key1" hidden="1">#REF!</definedName>
    <definedName name="_Key2" hidden="1">#REF!</definedName>
    <definedName name="_MS1">#REF!</definedName>
    <definedName name="_mu1">#REF!</definedName>
    <definedName name="_mu2">#REF!</definedName>
    <definedName name="_mu3">#REF!</definedName>
    <definedName name="_na7">#REF!</definedName>
    <definedName name="_nf1">#REF!</definedName>
    <definedName name="_nf2">#REF!</definedName>
    <definedName name="_nf3">#REF!</definedName>
    <definedName name="_ng30">#REF!</definedName>
    <definedName name="_ng35">#REF!</definedName>
    <definedName name="_NP1">#REF!</definedName>
    <definedName name="_NP2">#REF!</definedName>
    <definedName name="_NSH1">#REF!</definedName>
    <definedName name="_NSH2">#REF!</definedName>
    <definedName name="_pa7">#REF!</definedName>
    <definedName name="_pf1">#REF!</definedName>
    <definedName name="_pf2">#REF!</definedName>
    <definedName name="_pf3">#REF!</definedName>
    <definedName name="_pg30">#REF!</definedName>
    <definedName name="_pg35">#REF!</definedName>
    <definedName name="_ppa7">#REF!</definedName>
    <definedName name="_ppf1">#REF!</definedName>
    <definedName name="_ppf2">#REF!</definedName>
    <definedName name="_ppf3">#REF!</definedName>
    <definedName name="_ppg30">#REF!</definedName>
    <definedName name="_ppg35">#REF!</definedName>
    <definedName name="_QTY10">#REF!</definedName>
    <definedName name="_Sort" hidden="1">#REF!</definedName>
    <definedName name="_Table1_In1" hidden="1">#REF!</definedName>
    <definedName name="_Table1_Out" hidden="1">#REF!</definedName>
    <definedName name="_UPR10">#REF!</definedName>
    <definedName name="_V200">[217]!_V200</definedName>
    <definedName name="_vrc25">#REF!</definedName>
    <definedName name="_YO1">#REF!</definedName>
    <definedName name="_총괄표" hidden="1">#REF!</definedName>
    <definedName name="A_1">#REF!</definedName>
    <definedName name="A_2">#REF!</definedName>
    <definedName name="A_3">#REF!</definedName>
    <definedName name="A_4">#REF!</definedName>
    <definedName name="A_5">#REF!</definedName>
    <definedName name="A_6">#REF!</definedName>
    <definedName name="A1_">#REF!</definedName>
    <definedName name="A15.">#REF!</definedName>
    <definedName name="A2_">#REF!</definedName>
    <definedName name="A3_">#REF!</definedName>
    <definedName name="A315yoo1">#REF!</definedName>
    <definedName name="A4_">#REF!</definedName>
    <definedName name="A5_">#REF!</definedName>
    <definedName name="A7_">#REF!</definedName>
    <definedName name="A8_">#REF!</definedName>
    <definedName name="A9_">#REF!</definedName>
    <definedName name="AA">#REF!</definedName>
    <definedName name="AMOUNT">#REF!</definedName>
    <definedName name="are">#REF!</definedName>
    <definedName name="as" hidden="1">#REF!</definedName>
    <definedName name="asdfas">[217]!asdfas</definedName>
    <definedName name="AVHK">#REF!</definedName>
    <definedName name="AVRMB">#REF!</definedName>
    <definedName name="B">#REF!</definedName>
    <definedName name="B0">#REF!</definedName>
    <definedName name="B1_">#REF!</definedName>
    <definedName name="B1381.">#REF!</definedName>
    <definedName name="B1A">#REF!</definedName>
    <definedName name="B1WL">#REF!</definedName>
    <definedName name="B1WR">#REF!</definedName>
    <definedName name="B2A">#REF!</definedName>
    <definedName name="B2WL">#REF!</definedName>
    <definedName name="B2WR">#REF!</definedName>
    <definedName name="B3A">#REF!</definedName>
    <definedName name="B4A">#REF!</definedName>
    <definedName name="B5A">#REF!</definedName>
    <definedName name="B6A">#REF!</definedName>
    <definedName name="B7A">#REF!</definedName>
    <definedName name="B8A">#REF!</definedName>
    <definedName name="BA">#REF!</definedName>
    <definedName name="BAE_GWANG_GONG">#REF!</definedName>
    <definedName name="BB">#REF!</definedName>
    <definedName name="bbb">#REF!</definedName>
    <definedName name="BHU">#REF!</definedName>
    <definedName name="BI_GAE_GONG">#REF!</definedName>
    <definedName name="BIGO">#REF!</definedName>
    <definedName name="BMO">#REF!</definedName>
    <definedName name="BO">#REF!</definedName>
    <definedName name="BO_ON_GONG">#REF!</definedName>
    <definedName name="BO_TONG_IN_BU">#REF!</definedName>
    <definedName name="BSH">#REF!</definedName>
    <definedName name="BV">#REF!</definedName>
    <definedName name="C_1">#REF!</definedName>
    <definedName name="C_2">#REF!</definedName>
    <definedName name="C_3">#REF!</definedName>
    <definedName name="cap">#REF!</definedName>
    <definedName name="CCC">#REF!</definedName>
    <definedName name="CFA">#REF!</definedName>
    <definedName name="CHUK_RYANG_SA">#REF!</definedName>
    <definedName name="CHUL_GOL_GONG">#REF!</definedName>
    <definedName name="CHUL_GONG">#REF!</definedName>
    <definedName name="CIVIL">#REF!</definedName>
    <definedName name="CKSP">#REF!</definedName>
    <definedName name="Client">#REF!</definedName>
    <definedName name="CM">#REF!</definedName>
    <definedName name="COD">#REF!</definedName>
    <definedName name="CODE">#REF!</definedName>
    <definedName name="cola">#REF!</definedName>
    <definedName name="colaa">#REF!</definedName>
    <definedName name="colb">#REF!</definedName>
    <definedName name="colb1">#REF!</definedName>
    <definedName name="Conc_A">#REF!</definedName>
    <definedName name="Conc_C">#REF!</definedName>
    <definedName name="COST" hidden="1">#REF!</definedName>
    <definedName name="COSTT" hidden="1">#REF!</definedName>
    <definedName name="CPK">#REF!</definedName>
    <definedName name="CR">#REF!</definedName>
    <definedName name="CUB.prix_SMC">[72]!CUB.prix_SMC</definedName>
    <definedName name="D0">#REF!</definedName>
    <definedName name="D00">#REF!</definedName>
    <definedName name="D000">#REF!</definedName>
    <definedName name="DAN">#REF!</definedName>
    <definedName name="DANGA">#REF!,#REF!</definedName>
    <definedName name="danga2">#REF!,#REF!</definedName>
    <definedName name="Database" hidden="1">#REF!</definedName>
    <definedName name="database2">#REF!</definedName>
    <definedName name="date">#REF!</definedName>
    <definedName name="Date_Bidding">#REF!</definedName>
    <definedName name="DE">#REF!</definedName>
    <definedName name="DF">#REF!</definedName>
    <definedName name="dl">#REF!</definedName>
    <definedName name="DO_JANG_GONG">#REF!</definedName>
    <definedName name="DPI">#REF!</definedName>
    <definedName name="DPP">#REF!</definedName>
    <definedName name="DS">#REF!</definedName>
    <definedName name="DSFGB">[217]!DSFGB</definedName>
    <definedName name="DSVP">#REF!</definedName>
    <definedName name="DUCT_GONG">#REF!</definedName>
    <definedName name="E10M">#REF!</definedName>
    <definedName name="E10P">#REF!</definedName>
    <definedName name="E11M">#REF!</definedName>
    <definedName name="E11P">#REF!</definedName>
    <definedName name="E12M">#REF!</definedName>
    <definedName name="E12P">#REF!</definedName>
    <definedName name="E13M">#REF!</definedName>
    <definedName name="E13P">#REF!</definedName>
    <definedName name="E14M">#REF!</definedName>
    <definedName name="E14P">#REF!</definedName>
    <definedName name="E15M">#REF!</definedName>
    <definedName name="E15P">#REF!</definedName>
    <definedName name="E16M">#REF!</definedName>
    <definedName name="E16P">#REF!</definedName>
    <definedName name="E17M">#REF!</definedName>
    <definedName name="E17P">#REF!</definedName>
    <definedName name="E18M">#REF!</definedName>
    <definedName name="E18P">#REF!</definedName>
    <definedName name="E19M">#REF!</definedName>
    <definedName name="E19P">#REF!</definedName>
    <definedName name="E1E">#REF!</definedName>
    <definedName name="E1M">#REF!</definedName>
    <definedName name="E1P">#REF!</definedName>
    <definedName name="E20M">#REF!</definedName>
    <definedName name="E20P">#REF!</definedName>
    <definedName name="E21M">#REF!</definedName>
    <definedName name="E21P">#REF!</definedName>
    <definedName name="E22M">#REF!</definedName>
    <definedName name="E22P">#REF!</definedName>
    <definedName name="E23M">#REF!</definedName>
    <definedName name="E23P">#REF!</definedName>
    <definedName name="E24M">#REF!</definedName>
    <definedName name="E24P">#REF!</definedName>
    <definedName name="E26E">#REF!</definedName>
    <definedName name="E26M">#REF!</definedName>
    <definedName name="E26P">#REF!</definedName>
    <definedName name="E27E">#REF!</definedName>
    <definedName name="E27M">#REF!</definedName>
    <definedName name="E27P">#REF!</definedName>
    <definedName name="E28E">#REF!</definedName>
    <definedName name="E28M">#REF!</definedName>
    <definedName name="E28P">#REF!</definedName>
    <definedName name="E29M">#REF!</definedName>
    <definedName name="E29P">#REF!</definedName>
    <definedName name="E2E">#REF!</definedName>
    <definedName name="E2M">#REF!</definedName>
    <definedName name="E2P">#REF!</definedName>
    <definedName name="E30M">#REF!</definedName>
    <definedName name="E30P">#REF!</definedName>
    <definedName name="E35M">#REF!</definedName>
    <definedName name="E35P">#REF!</definedName>
    <definedName name="E3P">#REF!</definedName>
    <definedName name="E43M">#REF!</definedName>
    <definedName name="E43P">#REF!</definedName>
    <definedName name="E44M">#REF!</definedName>
    <definedName name="E44P">#REF!</definedName>
    <definedName name="E45M">#REF!</definedName>
    <definedName name="E45P">#REF!</definedName>
    <definedName name="E46M">#REF!</definedName>
    <definedName name="E46P">#REF!</definedName>
    <definedName name="E47M">#REF!</definedName>
    <definedName name="E47P">#REF!</definedName>
    <definedName name="E49M">#REF!</definedName>
    <definedName name="E49P">#REF!</definedName>
    <definedName name="E4M">#REF!</definedName>
    <definedName name="E4P">#REF!</definedName>
    <definedName name="E50M">#REF!</definedName>
    <definedName name="E50P">#REF!</definedName>
    <definedName name="E51E">#REF!</definedName>
    <definedName name="E5M">#REF!</definedName>
    <definedName name="E5P">#REF!</definedName>
    <definedName name="E6M">#REF!</definedName>
    <definedName name="E6P">#REF!</definedName>
    <definedName name="E7M">#REF!</definedName>
    <definedName name="E7P">#REF!</definedName>
    <definedName name="E8M">#REF!</definedName>
    <definedName name="E8P">#REF!</definedName>
    <definedName name="E9M">#REF!</definedName>
    <definedName name="E9P">#REF!</definedName>
    <definedName name="eee" hidden="1">#REF!</definedName>
    <definedName name="Exchange_Rate">#REF!</definedName>
    <definedName name="EXHK">#REF!</definedName>
    <definedName name="Extract_MI">#REF!</definedName>
    <definedName name="F">#REF!</definedName>
    <definedName name="fact">#REF!</definedName>
    <definedName name="FD">#REF!</definedName>
    <definedName name="FEEL">#REF!</definedName>
    <definedName name="fjkf">#REF!</definedName>
    <definedName name="Form">#REF!</definedName>
    <definedName name="fwk">#REF!</definedName>
    <definedName name="GAE_JANG_GONG">#REF!</definedName>
    <definedName name="GEMCO" hidden="1">#REF!</definedName>
    <definedName name="GFA">#REF!</definedName>
    <definedName name="gfdgdgdf">#REF!</definedName>
    <definedName name="gfggfr">#REF!</definedName>
    <definedName name="GG">#REF!</definedName>
    <definedName name="GGGG">#REF!</definedName>
    <definedName name="gh">#REF!</definedName>
    <definedName name="GI_GAE_SUL_CHI_GONG">#REF!</definedName>
    <definedName name="GJ">#REF!</definedName>
    <definedName name="gjj">#REF!</definedName>
    <definedName name="GK">#REF!</definedName>
    <definedName name="GONGCODE">#REF!</definedName>
    <definedName name="grew" hidden="1">#REF!</definedName>
    <definedName name="Gtb">#REF!</definedName>
    <definedName name="gtbtt">#REF!</definedName>
    <definedName name="GUMAK">#REF!</definedName>
    <definedName name="Gxl">#REF!</definedName>
    <definedName name="gxltt">#REF!</definedName>
    <definedName name="GY">#REF!</definedName>
    <definedName name="H1L">#REF!</definedName>
    <definedName name="H1R">#REF!</definedName>
    <definedName name="H1WL">#REF!</definedName>
    <definedName name="H1WR">#REF!</definedName>
    <definedName name="H2L">#REF!</definedName>
    <definedName name="H2R">#REF!</definedName>
    <definedName name="H2WL">#REF!</definedName>
    <definedName name="H2WR">#REF!</definedName>
    <definedName name="H3L">#REF!</definedName>
    <definedName name="H3R">#REF!</definedName>
    <definedName name="H3WL">#REF!</definedName>
    <definedName name="H3WR">#REF!</definedName>
    <definedName name="H4L">#REF!</definedName>
    <definedName name="H4R">#REF!</definedName>
    <definedName name="H5L">#REF!</definedName>
    <definedName name="H5R">#REF!</definedName>
    <definedName name="H6L">#REF!</definedName>
    <definedName name="H6R">#REF!</definedName>
    <definedName name="H7L">#REF!</definedName>
    <definedName name="H7R">#REF!</definedName>
    <definedName name="H9A">#REF!</definedName>
    <definedName name="HAF">#REF!</definedName>
    <definedName name="han" hidden="1">#REF!</definedName>
    <definedName name="hanliangbiao">#REF!</definedName>
    <definedName name="hardwar" hidden="1">#REF!</definedName>
    <definedName name="HBV">#REF!</definedName>
    <definedName name="HCR">#REF!</definedName>
    <definedName name="HDSVP">#REF!</definedName>
    <definedName name="HHAF">#REF!</definedName>
    <definedName name="HHMF">#REF!</definedName>
    <definedName name="HL">#REF!</definedName>
    <definedName name="HMF">#REF!</definedName>
    <definedName name="HMOTOR">#REF!</definedName>
    <definedName name="HPUMP">#REF!</definedName>
    <definedName name="HR">#REF!</definedName>
    <definedName name="HSH">#REF!</definedName>
    <definedName name="HSV">#REF!</definedName>
    <definedName name="htb">#REF!</definedName>
    <definedName name="hts">#REF!</definedName>
    <definedName name="HVAFP">#REF!</definedName>
    <definedName name="HVMF">#REF!</definedName>
    <definedName name="HWEI">#REF!</definedName>
    <definedName name="HWL">#REF!</definedName>
    <definedName name="HWR">#REF!</definedName>
    <definedName name="i">#REF!</definedName>
    <definedName name="ID">#REF!,#REF!</definedName>
    <definedName name="JA">#REF!</definedName>
    <definedName name="JE_GWAN_GONG">#REF!</definedName>
    <definedName name="jg">#REF!</definedName>
    <definedName name="jhjyg">#REF!</definedName>
    <definedName name="JK">#REF!</definedName>
    <definedName name="JUNG_GI_UN_JUN">#REF!</definedName>
    <definedName name="kim">#REF!</definedName>
    <definedName name="KJ">#REF!</definedName>
    <definedName name="kjjh">#REF!</definedName>
    <definedName name="kk" hidden="1">#REF!</definedName>
    <definedName name="LA">#REF!</definedName>
    <definedName name="Labor_Cost">#REF!</definedName>
    <definedName name="lf">#REF!</definedName>
    <definedName name="lll">#REF!</definedName>
    <definedName name="lllllll">#REF!</definedName>
    <definedName name="LMO">#REF!</definedName>
    <definedName name="LPI">#REF!</definedName>
    <definedName name="LSH">#REF!</definedName>
    <definedName name="Macro10">[140]!Macro10</definedName>
    <definedName name="Macro11">[217]!Macro11</definedName>
    <definedName name="Macro12">[140]!Macro12</definedName>
    <definedName name="Macro13">[140]!Macro13</definedName>
    <definedName name="Macro14">[140]!Macro14</definedName>
    <definedName name="Macro2">[140]!Macro2</definedName>
    <definedName name="MACRO20">[140]!Macro2</definedName>
    <definedName name="Macro5">[140]!Macro5</definedName>
    <definedName name="Macro6">[140]!Macro6</definedName>
    <definedName name="Macro7">[140]!Macro7</definedName>
    <definedName name="Macro8">[140]!Macro8</definedName>
    <definedName name="Macro9">[140]!Macro9</definedName>
    <definedName name="Material">#REF!</definedName>
    <definedName name="MD">#REF!</definedName>
    <definedName name="Modules">#REF!</definedName>
    <definedName name="MOK_DO_GONG">#REF!</definedName>
    <definedName name="MOK_GONG">#REF!</definedName>
    <definedName name="MONEY">#REF!,#REF!</definedName>
    <definedName name="MOTOR">#REF!</definedName>
    <definedName name="ms">#REF!</definedName>
    <definedName name="msc">#REF!</definedName>
    <definedName name="n" hidden="1">#REF!</definedName>
    <definedName name="N1S">#REF!</definedName>
    <definedName name="N2S">#REF!</definedName>
    <definedName name="N3S">#REF!</definedName>
    <definedName name="NAME">#REF!</definedName>
    <definedName name="NDO">#REF!</definedName>
    <definedName name="NK">#REF!</definedName>
    <definedName name="NO">#REF!</definedName>
    <definedName name="NPI">#REF!</definedName>
    <definedName name="ns">#REF!</definedName>
    <definedName name="NSH">#REF!</definedName>
    <definedName name="NSO">#REF!</definedName>
    <definedName name="o">#REF!</definedName>
    <definedName name="OOO">#REF!</definedName>
    <definedName name="Pad_1">#REF!</definedName>
    <definedName name="PC_Pile">#REF!</definedName>
    <definedName name="Period_Const">#REF!</definedName>
    <definedName name="Pile_Driving">#REF!</definedName>
    <definedName name="PLANT_BAE_GWAN_GONG">#REF!</definedName>
    <definedName name="PLANT_GI_GAE_SUL_CHI_GONG">#REF!</definedName>
    <definedName name="PLANT_JE_GWAN_GONG">#REF!</definedName>
    <definedName name="PLANT_JUN_GONG">#REF!</definedName>
    <definedName name="PLANT_YONG_JUB_GONG">#REF!</definedName>
    <definedName name="plast">#REF!</definedName>
    <definedName name="PPP">#REF!</definedName>
    <definedName name="pps">#REF!</definedName>
    <definedName name="PRICE">#REF!</definedName>
    <definedName name="PRIN_TITLES">#REF!</definedName>
    <definedName name="Print_Area\C">#REF!</definedName>
    <definedName name="Print_Area_MI">#REF!</definedName>
    <definedName name="PRINT_AREA_MI1">#REF!</definedName>
    <definedName name="Print_Titles_MI">#REF!</definedName>
    <definedName name="PRINT_TITLES_MI1">#REF!</definedName>
    <definedName name="ps">#REF!</definedName>
    <definedName name="PUMP">#REF!</definedName>
    <definedName name="QQQ">#REF!</definedName>
    <definedName name="RATE">#REF!</definedName>
    <definedName name="Rebar">#REF!</definedName>
    <definedName name="Recorder" hidden="1">#REF!</definedName>
    <definedName name="RIBET_GONG">#REF!</definedName>
    <definedName name="RRR">#REF!</definedName>
    <definedName name="sd">#REF!</definedName>
    <definedName name="sdg" hidden="1">#REF!</definedName>
    <definedName name="sdsss">#REF!</definedName>
    <definedName name="SEQCODE">#REF!</definedName>
    <definedName name="SFSDFS">#REF!</definedName>
    <definedName name="SHOP2">[217]!SHOP2</definedName>
    <definedName name="SK">#REF!</definedName>
    <definedName name="SKE">#REF!</definedName>
    <definedName name="Slab_Connect">#REF!</definedName>
    <definedName name="sort">#REF!</definedName>
    <definedName name="sort2">#REF!</definedName>
    <definedName name="SP">#REF!</definedName>
    <definedName name="SPEC">#REF!</definedName>
    <definedName name="ss">[217]!ss</definedName>
    <definedName name="SSSS">[217]!SSSS</definedName>
    <definedName name="Story_Total">#REF!</definedName>
    <definedName name="Struct_Type">#REF!</definedName>
    <definedName name="SUMMARY" hidden="1">#REF!</definedName>
    <definedName name="SUMMARYT" hidden="1">#REF!</definedName>
    <definedName name="SV">#REF!</definedName>
    <definedName name="SWL">#REF!</definedName>
    <definedName name="SWR">#REF!</definedName>
    <definedName name="T10M">#REF!</definedName>
    <definedName name="T10P">#REF!</definedName>
    <definedName name="T11M">#REF!</definedName>
    <definedName name="T11P">#REF!</definedName>
    <definedName name="T12M">#REF!</definedName>
    <definedName name="T12P">#REF!</definedName>
    <definedName name="T13M">#REF!</definedName>
    <definedName name="T13P">#REF!</definedName>
    <definedName name="T14M">#REF!</definedName>
    <definedName name="T14P">#REF!</definedName>
    <definedName name="T15M">#REF!</definedName>
    <definedName name="T15P">#REF!</definedName>
    <definedName name="T16M">#REF!</definedName>
    <definedName name="T16P">#REF!</definedName>
    <definedName name="T17M">#REF!</definedName>
    <definedName name="T17P">#REF!</definedName>
    <definedName name="T18M">#REF!</definedName>
    <definedName name="T18P">#REF!</definedName>
    <definedName name="T19M">#REF!</definedName>
    <definedName name="T19P">#REF!</definedName>
    <definedName name="T1E">#REF!</definedName>
    <definedName name="T1M">#REF!</definedName>
    <definedName name="T1P">#REF!</definedName>
    <definedName name="T1S">#REF!</definedName>
    <definedName name="T20M">#REF!</definedName>
    <definedName name="T20P">#REF!</definedName>
    <definedName name="T21M">#REF!</definedName>
    <definedName name="T21P">#REF!</definedName>
    <definedName name="T22E">#REF!</definedName>
    <definedName name="T23M">#REF!</definedName>
    <definedName name="T23P">#REF!</definedName>
    <definedName name="T24M">#REF!</definedName>
    <definedName name="T24P">#REF!</definedName>
    <definedName name="T2E">#REF!</definedName>
    <definedName name="T2M">#REF!</definedName>
    <definedName name="T2P">#REF!</definedName>
    <definedName name="T2S">#REF!</definedName>
    <definedName name="T3P">#REF!</definedName>
    <definedName name="T3S">#REF!</definedName>
    <definedName name="T4M">#REF!</definedName>
    <definedName name="T4P">#REF!</definedName>
    <definedName name="T5M">#REF!</definedName>
    <definedName name="T5P">#REF!</definedName>
    <definedName name="T6M">#REF!</definedName>
    <definedName name="T6P">#REF!</definedName>
    <definedName name="T7M">#REF!</definedName>
    <definedName name="T7P">#REF!</definedName>
    <definedName name="T8M">#REF!</definedName>
    <definedName name="T8P">#REF!</definedName>
    <definedName name="T9M">#REF!</definedName>
    <definedName name="T9P">#REF!</definedName>
    <definedName name="TITLE">#REF!</definedName>
    <definedName name="TK_BYUL_IN_BU">#REF!</definedName>
    <definedName name="TMO">#REF!</definedName>
    <definedName name="Total_Floor_Area">#REF!</definedName>
    <definedName name="tr" hidden="1">#REF!</definedName>
    <definedName name="TT">#REF!</definedName>
    <definedName name="TTT">#REF!</definedName>
    <definedName name="tuchal">#REF!</definedName>
    <definedName name="TW">#REF!</definedName>
    <definedName name="TWL">#REF!</definedName>
    <definedName name="TWR">#REF!</definedName>
    <definedName name="TYPE">#REF!</definedName>
    <definedName name="TYPEEA">#REF!</definedName>
    <definedName name="UNIT">#REF!</definedName>
    <definedName name="VAFP">#REF!</definedName>
    <definedName name="VBV">#REF!</definedName>
    <definedName name="VCR">#REF!</definedName>
    <definedName name="VDSVP">#REF!</definedName>
    <definedName name="VHAF">#REF!</definedName>
    <definedName name="VHMF">#REF!</definedName>
    <definedName name="VMF">#REF!</definedName>
    <definedName name="VMOTOR">#REF!</definedName>
    <definedName name="VPUMP">#REF!</definedName>
    <definedName name="VSV">#REF!</definedName>
    <definedName name="VVAFP">#REF!</definedName>
    <definedName name="VVMF">#REF!</definedName>
    <definedName name="VVV">#REF!</definedName>
    <definedName name="VWEI">#REF!</definedName>
    <definedName name="w">#REF!</definedName>
    <definedName name="W.SHOP">[217]!W.SHOP</definedName>
    <definedName name="wall">#REF!</definedName>
    <definedName name="WEI">#REF!</definedName>
    <definedName name="Work_Description">#REF!</definedName>
    <definedName name="WSO">#REF!</definedName>
    <definedName name="WW">#REF!</definedName>
    <definedName name="wwwwwwwwwww" hidden="1">#REF!</definedName>
    <definedName name="X9701D_일위대가_List">#REF!</definedName>
    <definedName name="XA">#REF!</definedName>
    <definedName name="XLRPARAMS_BZSJ" hidden="1">#REF!</definedName>
    <definedName name="XLRPARAMS_FDDBR" hidden="1">#REF!</definedName>
    <definedName name="XLRPARAMS_QDH" hidden="1">#REF!</definedName>
    <definedName name="XLRPARAMS_TBR" hidden="1">#REF!</definedName>
    <definedName name="XLRPARAMS_ZBR" hidden="1">#REF!</definedName>
    <definedName name="XLRPARAMS_ZJH" hidden="1">#REF!</definedName>
    <definedName name="XLRPARAMS_ZYMC" hidden="1">#REF!</definedName>
    <definedName name="XS">#REF!</definedName>
    <definedName name="xx" hidden="1">#REF!</definedName>
    <definedName name="xxx" hidden="1">#REF!</definedName>
    <definedName name="XZ">#REF!</definedName>
    <definedName name="YONG_JUB_GONG">#REF!</definedName>
    <definedName name="YOO">#REF!</definedName>
    <definedName name="yoo10">#REF!</definedName>
    <definedName name="yoo2">#REF!</definedName>
    <definedName name="yoo3">#REF!</definedName>
    <definedName name="yoo4">#REF!</definedName>
    <definedName name="YOO5">#REF!</definedName>
    <definedName name="YOO6">#REF!</definedName>
    <definedName name="YOO7">#REF!</definedName>
    <definedName name="yoo8">#REF!</definedName>
    <definedName name="YOO9">#REF!</definedName>
    <definedName name="YOON">#REF!</definedName>
    <definedName name="YOON2">#REF!</definedName>
    <definedName name="YOON3">#REF!</definedName>
    <definedName name="YOON4">#REF!</definedName>
    <definedName name="Z">#REF!</definedName>
    <definedName name="Z_0E9FE9F8_6DD2_48FC_9AB4_8E7C3E14C436_.wvu.PrintArea" hidden="1">#REF!</definedName>
    <definedName name="Z_0E9FE9F8_6DD2_48FC_9AB4_8E7C3E14C436_.wvu.PrintTitles" hidden="1">#REF!</definedName>
    <definedName name="Z6_">#REF!</definedName>
    <definedName name="μs">#REF!</definedName>
    <definedName name="μs1">#REF!</definedName>
    <definedName name="ㄱㅈㅎ" hidden="1">#REF!</definedName>
    <definedName name="가실행">#REF!</definedName>
    <definedName name="간접노무비">#REF!</definedName>
    <definedName name="간접노무비요율">#REF!</definedName>
    <definedName name="간접노무비표">#REF!</definedName>
    <definedName name="갈빌1호">#REF!</definedName>
    <definedName name="갈빌2호">#REF!</definedName>
    <definedName name="갈빌3호">#REF!</definedName>
    <definedName name="개산분">#REF!</definedName>
    <definedName name="避雷">#REF!</definedName>
    <definedName name="견">#REF!,#REF!</definedName>
    <definedName name="견적품의">#REF!</definedName>
    <definedName name="标高">#REF!</definedName>
    <definedName name="标准层对比2">#REF!</definedName>
    <definedName name="경비">#REF!</definedName>
    <definedName name="경비1" hidden="1">#REF!</definedName>
    <definedName name="경비합">#REF!</definedName>
    <definedName name="경상비">#REF!</definedName>
    <definedName name="表面氟碳喷涂">#REF!</definedName>
    <definedName name="玻璃">#REF!</definedName>
    <definedName name="玻璃规格">#REF!</definedName>
    <definedName name="玻璃索引">#REF!</definedName>
    <definedName name="공구">#REF!</definedName>
    <definedName name="공구손료">#REF!</definedName>
    <definedName name="공급가액">#REF!</definedName>
    <definedName name="공사명">#REF!</definedName>
    <definedName name="공사비">#REF!</definedName>
    <definedName name="공사원가">#REF!</definedName>
    <definedName name="공종">#REF!</definedName>
    <definedName name="공종갯수">#REF!</definedName>
    <definedName name="관급">#REF!,#REF!,#REF!</definedName>
    <definedName name="관급액">#REF!</definedName>
    <definedName name="관급자재대">#REF!</definedName>
    <definedName name="관급자재비">#REF!</definedName>
    <definedName name="관로연장거리">#REF!</definedName>
    <definedName name="관정지반고">#REF!</definedName>
    <definedName name="不好">#REF!</definedName>
    <definedName name="不利分格高">#REF!</definedName>
    <definedName name="不利风格宽">#REF!</definedName>
    <definedName name="层高">#REF!</definedName>
    <definedName name="层间防火隔断">#REF!</definedName>
    <definedName name="层间防火隔断用料">#REF!</definedName>
    <definedName name="구산갑지" hidden="1">#REF!</definedName>
    <definedName name="군산">#REF!</definedName>
    <definedName name="군유1">#REF!</definedName>
    <definedName name="군유2">#REF!</definedName>
    <definedName name="군유3">#REF!</definedName>
    <definedName name="군유4">#REF!</definedName>
    <definedName name="군유5">#REF!</definedName>
    <definedName name="군유6">#REF!</definedName>
    <definedName name="군유7">#REF!</definedName>
    <definedName name="권">[217]!권</definedName>
    <definedName name="권종원">[217]!권종원</definedName>
    <definedName name="규격수">#REF!</definedName>
    <definedName name="기준">#REF!</definedName>
    <definedName name="기초데이타">#REF!</definedName>
    <definedName name="기초액">#REF!</definedName>
    <definedName name="기타경비">#REF!</definedName>
    <definedName name="기타경비요율">#REF!</definedName>
    <definedName name="기타경비표">#REF!</definedName>
    <definedName name="김세일">[217]!김세일</definedName>
    <definedName name="김일">[217]!김일</definedName>
    <definedName name="粗糙索引">#REF!</definedName>
    <definedName name="代号">#REF!</definedName>
    <definedName name="地">#REF!</definedName>
    <definedName name="地震烈度">#REF!</definedName>
    <definedName name="分析表">[72]!分析表</definedName>
    <definedName name="封面2">#REF!</definedName>
    <definedName name="蜂窝铝板">#REF!</definedName>
    <definedName name="附加赛">#REF!</definedName>
    <definedName name="复合铝板">#REF!</definedName>
    <definedName name="概算表">#REF!</definedName>
    <definedName name="钢构件">#REF!</definedName>
    <definedName name="高度变化系数">#REF!</definedName>
    <definedName name="工程编号">#REF!</definedName>
    <definedName name="工程名称">#REF!</definedName>
    <definedName name="ㄴ">#REF!</definedName>
    <definedName name="ㄴㄱㄹ" hidden="1">#REF!</definedName>
    <definedName name="ㄴㄴ">#REF!</definedName>
    <definedName name="ㄴㄴㄴ">#REF!</definedName>
    <definedName name="ㄴㄴㄴㄴ">#REF!</definedName>
    <definedName name="ㄴㄴㄴㄴㄴ">#REF!</definedName>
    <definedName name="ㄴㅁ" hidden="1">#REF!</definedName>
    <definedName name="나.">#REF!</definedName>
    <definedName name="나야">#REF!</definedName>
    <definedName name="남산1호">#REF!</definedName>
    <definedName name="남산2호">#REF!</definedName>
    <definedName name="내고">#REF!</definedName>
    <definedName name="내역서">#REF!</definedName>
    <definedName name="哈哈">#REF!</definedName>
    <definedName name="含量表">#REF!</definedName>
    <definedName name="好">#REF!</definedName>
    <definedName name="呵呵">#REF!</definedName>
    <definedName name="노">[217]!노</definedName>
    <definedName name="노곡1호">#REF!</definedName>
    <definedName name="노곡2호">#REF!</definedName>
    <definedName name="노곡3호">#REF!</definedName>
    <definedName name="노곡4호">#REF!</definedName>
    <definedName name="노무비">#REF!</definedName>
    <definedName name="노무비합">#REF!</definedName>
    <definedName name="노부비">#REF!</definedName>
    <definedName name="노임">#REF!</definedName>
    <definedName name="농원1호">#REF!</definedName>
    <definedName name="농원2호">#REF!</definedName>
    <definedName name="胶条">#REF!</definedName>
    <definedName name="结构胶">#REF!</definedName>
    <definedName name="结果">#REF!</definedName>
    <definedName name="다.">#REF!</definedName>
    <definedName name="단가">#REF!</definedName>
    <definedName name="단가2">#REF!,#REF!</definedName>
    <definedName name="단가비교표">#REF!,#REF!</definedName>
    <definedName name="단가산출">#REF!</definedName>
    <definedName name="단가적용표">#REF!</definedName>
    <definedName name="대가">#REF!,#REF!</definedName>
    <definedName name="대구">#REF!</definedName>
    <definedName name="类型">#REF!</definedName>
    <definedName name="덕산1호">#REF!</definedName>
    <definedName name="덕산2호">#REF!</definedName>
    <definedName name="덕산3호">#REF!</definedName>
    <definedName name="덕산4호">#REF!</definedName>
    <definedName name="덕수">[217]!덕수</definedName>
    <definedName name="덕전1호">#REF!</definedName>
    <definedName name="덕전2호">#REF!</definedName>
    <definedName name="덕전3호">#REF!</definedName>
    <definedName name="덕지1호">#REF!</definedName>
    <definedName name="덕천1호">#REF!</definedName>
    <definedName name="덕천2호">#REF!</definedName>
    <definedName name="덕천3호">#REF!</definedName>
    <definedName name="덕천4호">#REF!</definedName>
    <definedName name="도공100미">#REF!</definedName>
    <definedName name="도공100억">#REF!</definedName>
    <definedName name="도급공사">#REF!</definedName>
    <definedName name="도급공사비">#REF!</definedName>
    <definedName name="도급예산액">#REF!</definedName>
    <definedName name="도급예상액">#REF!</definedName>
    <definedName name="도장면적">#REF!</definedName>
    <definedName name="도장면적가공">#REF!</definedName>
    <definedName name="도장면적가공1">#REF!</definedName>
    <definedName name="동두천">#REF!</definedName>
    <definedName name="螺栓">#REF!</definedName>
    <definedName name="铝板">#REF!</definedName>
    <definedName name="铝单板">#REF!</definedName>
    <definedName name="두기1">#REF!</definedName>
    <definedName name="두기1호">#REF!</definedName>
    <definedName name="두기2">#REF!</definedName>
    <definedName name="두기2호">#REF!</definedName>
    <definedName name="두기3">#REF!</definedName>
    <definedName name="두기3호">#REF!</definedName>
    <definedName name="磨擦铰链">#REF!</definedName>
    <definedName name="耐候胶">#REF!</definedName>
    <definedName name="你好">#REF!</definedName>
    <definedName name="其他辅料">#REF!</definedName>
    <definedName name="其他胶">#REF!</definedName>
    <definedName name="ㄹ">#REF!</definedName>
    <definedName name="ㄹㄹ">#REF!</definedName>
    <definedName name="ㄹㄹㄹ">#REF!</definedName>
    <definedName name="ㄹㄹㄹㄹ">#REF!</definedName>
    <definedName name="ㄹㄹㄹㄹㄹ">#REF!</definedName>
    <definedName name="ㄹㄹㄹㄹㄹㄹ">#REF!</definedName>
    <definedName name="ㄹㄹㄹㄹㄹㄹㄹ">#REF!</definedName>
    <definedName name="ㄹㄹㄹㄹㄹㄹㄹㄹㄹㄹㄹ">#REF!</definedName>
    <definedName name="ㄹㄹㄹㄹㄹㄹㄹㄹㄹㄹㄹㄹㄹㄹㄹ">#REF!</definedName>
    <definedName name="ㄹ호" hidden="1">#REF!</definedName>
    <definedName name="石材">#REF!</definedName>
    <definedName name="室外地坪标高">#REF!</definedName>
    <definedName name="体型系数">#REF!</definedName>
    <definedName name="ㅁㄴ" hidden="1">#REF!</definedName>
    <definedName name="ㅁㅁㅁ">#REF!</definedName>
    <definedName name="ㅁㅁㅁㅁㅁㅁ" hidden="1">#REF!</definedName>
    <definedName name="ㅁㅇ">#REF!</definedName>
    <definedName name="마">[217]!마</definedName>
    <definedName name="外委加工.dbf">#REF!</definedName>
    <definedName name="멘트">#REF!</definedName>
    <definedName name="文件名称">#REF!</definedName>
    <definedName name="五金配件">#REF!</definedName>
    <definedName name="모래">#REF!</definedName>
    <definedName name="모래1">#REF!</definedName>
    <definedName name="型材">#REF!</definedName>
    <definedName name="무농1호">#REF!</definedName>
    <definedName name="무농2호">#REF!</definedName>
    <definedName name="박경희">#REF!</definedName>
    <definedName name="번들1호">#REF!</definedName>
    <definedName name="번들2호">#REF!</definedName>
    <definedName name="번들3호">#REF!</definedName>
    <definedName name="阵风系数">#REF!</definedName>
    <definedName name="综合单价1">#REF!</definedName>
    <definedName name="부가가치세">#REF!</definedName>
    <definedName name="부가가치세요율">#REF!</definedName>
    <definedName name="부가가치표">#REF!</definedName>
    <definedName name="부대">#REF!</definedName>
    <definedName name="부대내역비교">#REF!</definedName>
    <definedName name="부대사항">#REF!</definedName>
    <definedName name="最大地震加速度">#REF!</definedName>
    <definedName name="분석">#REF!</definedName>
    <definedName name="비계">#REF!</definedName>
    <definedName name="비교표2" hidden="1">#REF!</definedName>
    <definedName name="비목1">#REF!</definedName>
    <definedName name="비목2">#REF!</definedName>
    <definedName name="비목3">#REF!</definedName>
    <definedName name="비목4">#REF!</definedName>
    <definedName name="ㅅㅅ">#REF!</definedName>
    <definedName name="사" hidden="1">#REF!</definedName>
    <definedName name="산재보험료">#REF!</definedName>
    <definedName name="산재보험료요율">#REF!</definedName>
    <definedName name="산재보험료표">#REF!</definedName>
    <definedName name="산출">#REF!</definedName>
    <definedName name="산출경비">#REF!</definedName>
    <definedName name="삼">#REF!</definedName>
    <definedName name="상림1호">#REF!</definedName>
    <definedName name="상림2호">#REF!</definedName>
    <definedName name="상림3호">#REF!</definedName>
    <definedName name="생사1호">#REF!</definedName>
    <definedName name="생사2호">#REF!</definedName>
    <definedName name="생사기존">#REF!</definedName>
    <definedName name="서울">#REF!</definedName>
    <definedName name="선량1호">#REF!</definedName>
    <definedName name="선량2호">#REF!</definedName>
    <definedName name="선량3호">#REF!</definedName>
    <definedName name="선량4호">#REF!</definedName>
    <definedName name="선량5호">#REF!</definedName>
    <definedName name="설계사">#REF!</definedName>
    <definedName name="설계삼">#REF!</definedName>
    <definedName name="설계오">#REF!</definedName>
    <definedName name="설계육">#REF!</definedName>
    <definedName name="설계이">#REF!</definedName>
    <definedName name="성산1호">#REF!</definedName>
    <definedName name="성산2호">#REF!</definedName>
    <definedName name="성산3호">#REF!</definedName>
    <definedName name="성산4호">#REF!</definedName>
    <definedName name="성산5호">#REF!</definedName>
    <definedName name="세일">[217]!세일</definedName>
    <definedName name="송수관로구경">#REF!</definedName>
    <definedName name="송천1">#REF!</definedName>
    <definedName name="송천2">#REF!</definedName>
    <definedName name="수중모타1">#REF!</definedName>
    <definedName name="수중모타10">#REF!</definedName>
    <definedName name="수중모타15">#REF!</definedName>
    <definedName name="수중모타2">#REF!</definedName>
    <definedName name="수중모타20">#REF!</definedName>
    <definedName name="수중모타25">#REF!</definedName>
    <definedName name="수중모타3">#REF!</definedName>
    <definedName name="수중모타30">#REF!</definedName>
    <definedName name="수중모타5">#REF!</definedName>
    <definedName name="수중모타7.5">#REF!</definedName>
    <definedName name="수중모터펌프단가">#REF!</definedName>
    <definedName name="수중케이블단가">#REF!</definedName>
    <definedName name="수행능력">#REF!</definedName>
    <definedName name="순공사비">#REF!</definedName>
    <definedName name="순공사원가">#REF!</definedName>
    <definedName name="시">#REF!</definedName>
    <definedName name="신성1">#REF!</definedName>
    <definedName name="신성2">#REF!</definedName>
    <definedName name="신성3">#REF!</definedName>
    <definedName name="신성4">#REF!</definedName>
    <definedName name="신성5">#REF!</definedName>
    <definedName name="신성6">#REF!</definedName>
    <definedName name="신성7">#REF!</definedName>
    <definedName name="신흥1호">#REF!</definedName>
    <definedName name="신흥2호">#REF!</definedName>
    <definedName name="실경상">#REF!</definedName>
    <definedName name="실행">#REF!</definedName>
    <definedName name="실행검토" hidden="1">#REF!</definedName>
    <definedName name="실행예상액" hidden="1">#REF!</definedName>
    <definedName name="실행집계">#REF!</definedName>
    <definedName name="ㅇㄹ" hidden="1">#REF!</definedName>
    <definedName name="ㅇㅇ">#REF!</definedName>
    <definedName name="ㅇㅇㅇ">#REF!</definedName>
    <definedName name="아">[217]!아</definedName>
    <definedName name="아연도강관단가">#REF!</definedName>
    <definedName name="아연도배관단가">#REF!</definedName>
    <definedName name="아연도배관자재">#REF!</definedName>
    <definedName name="안녕">[217]!안녕</definedName>
    <definedName name="안방1호">#REF!</definedName>
    <definedName name="안방2호">#REF!</definedName>
    <definedName name="안전관리비">#REF!</definedName>
    <definedName name="안전관리비요율">#REF!</definedName>
    <definedName name="안전관리비표">#REF!</definedName>
    <definedName name="안정수위">#REF!</definedName>
    <definedName name="안주">[217]!안주</definedName>
    <definedName name="앞들1호">#REF!</definedName>
    <definedName name="앞들2호">#REF!</definedName>
    <definedName name="양수량">#REF!</definedName>
    <definedName name="양식">#REF!</definedName>
    <definedName name="업체" hidden="1">#REF!</definedName>
    <definedName name="오산">#REF!</definedName>
    <definedName name="오주1호">#REF!</definedName>
    <definedName name="오주2호">#REF!</definedName>
    <definedName name="오주3호">#REF!</definedName>
    <definedName name="오주4호">#REF!</definedName>
    <definedName name="왕암내역">#REF!</definedName>
    <definedName name="요동1호">#REF!</definedName>
    <definedName name="요동2호">#REF!</definedName>
    <definedName name="용접">#REF!</definedName>
    <definedName name="우산">#REF!</definedName>
    <definedName name="운반중량산출2">#REF!</definedName>
    <definedName name="운암">#REF!</definedName>
    <definedName name="운호1호">#REF!</definedName>
    <definedName name="운호2호">#REF!</definedName>
    <definedName name="운호3호">#REF!</definedName>
    <definedName name="울산프랜지">#REF!</definedName>
    <definedName name="원가계산">[217]!원가계산</definedName>
    <definedName name="원가계산명">#REF!</definedName>
    <definedName name="원가계산창">[217]!원가계산창</definedName>
    <definedName name="원운1호">#REF!</definedName>
    <definedName name="원운2호">#REF!</definedName>
    <definedName name="육">#REF!</definedName>
    <definedName name="육리1호">#REF!</definedName>
    <definedName name="육리2호">#REF!</definedName>
    <definedName name="은산1호">#REF!</definedName>
    <definedName name="은산2호">#REF!</definedName>
    <definedName name="은산3호">#REF!</definedName>
    <definedName name="은산4호">#REF!</definedName>
    <definedName name="의무비">#REF!</definedName>
    <definedName name="의정부">#REF!</definedName>
    <definedName name="이">#REF!</definedName>
    <definedName name="이미">[217]!이미</definedName>
    <definedName name="이미도">[217]!이미도</definedName>
    <definedName name="이윤">#REF!</definedName>
    <definedName name="이윤요율">#REF!</definedName>
    <definedName name="이윤표">#REF!</definedName>
    <definedName name="이희선">#REF!,#REF!</definedName>
    <definedName name="인공">#REF!</definedName>
    <definedName name="인쇄양식">[217]!인쇄양식</definedName>
    <definedName name="인입공사비">#REF!</definedName>
    <definedName name="일반관리비">#REF!</definedName>
    <definedName name="일반관리비요율">#REF!</definedName>
    <definedName name="일반관리비표">#REF!</definedName>
    <definedName name="일위">#REF!,#REF!</definedName>
    <definedName name="일위대가">#REF!</definedName>
    <definedName name="일위목록">#REF!</definedName>
    <definedName name="입력란">#REF!</definedName>
    <definedName name="입력전체">#REF!</definedName>
    <definedName name="입안1호">#REF!</definedName>
    <definedName name="입안2호">#REF!</definedName>
    <definedName name="입안3호">#REF!</definedName>
    <definedName name="입안4호">#REF!</definedName>
    <definedName name="입안기존2">#REF!</definedName>
    <definedName name="자연수위">#REF!</definedName>
    <definedName name="자재">#REF!</definedName>
    <definedName name="자재인력조달">[217]!자재인력조달</definedName>
    <definedName name="잡자재비">#REF!</definedName>
    <definedName name="장산1">#REF!</definedName>
    <definedName name="장산2">#REF!</definedName>
    <definedName name="장산3">#REF!</definedName>
    <definedName name="장춘">#REF!</definedName>
    <definedName name="재료비">#REF!</definedName>
    <definedName name="재료비요율">#REF!</definedName>
    <definedName name="재료집계3">#REF!</definedName>
    <definedName name="저격2">#REF!</definedName>
    <definedName name="저수조만수위">#REF!</definedName>
    <definedName name="전동기용량">#REF!</definedName>
    <definedName name="전선관부속품비">#REF!</definedName>
    <definedName name="전장su">#REF!</definedName>
    <definedName name="정열범위">#REF!</definedName>
    <definedName name="조달예가">#REF!</definedName>
    <definedName name="종원">[217]!종원</definedName>
    <definedName name="중량">#REF!</definedName>
    <definedName name="중량표">#REF!</definedName>
    <definedName name="지동">#REF!</definedName>
    <definedName name="지질">#REF!</definedName>
    <definedName name="지질2">#REF!</definedName>
    <definedName name="직접경비">#REF!</definedName>
    <definedName name="직접노무비">#REF!</definedName>
    <definedName name="직접노무비요율">#REF!</definedName>
    <definedName name="직접비">#REF!</definedName>
    <definedName name="직접재료비">#REF!</definedName>
    <definedName name="직접재료비합">#REF!</definedName>
    <definedName name="직종">#REF!</definedName>
    <definedName name="직종명">#REF!</definedName>
    <definedName name="진석">#REF!,#REF!</definedName>
    <definedName name="ㅊ3">#REF!</definedName>
    <definedName name="차체2">#REF!</definedName>
    <definedName name="착정심도">#REF!</definedName>
    <definedName name="철골공">#REF!</definedName>
    <definedName name="철목1호">#REF!</definedName>
    <definedName name="철목2호">#REF!</definedName>
    <definedName name="철목3호">#REF!</definedName>
    <definedName name="철목4호">#REF!</definedName>
    <definedName name="철콘">#REF!</definedName>
    <definedName name="철콘견적">#REF!</definedName>
    <definedName name="철콘공사">[217]!철콘공사</definedName>
    <definedName name="철콘번호">#REF!</definedName>
    <definedName name="청림1호">#REF!</definedName>
    <definedName name="청림2호">#REF!</definedName>
    <definedName name="청림3호">#REF!</definedName>
    <definedName name="총공사비">#REF!</definedName>
    <definedName name="총괄">#REF!</definedName>
    <definedName name="총괄표" hidden="1">#REF!</definedName>
    <definedName name="총괄표0" hidden="1">#REF!</definedName>
    <definedName name="총원가">#REF!</definedName>
    <definedName name="칠">#REF!</definedName>
    <definedName name="ㅌㅌㅌㅌㅌㅌㅌ">#REF!</definedName>
    <definedName name="토" hidden="1">#REF!</definedName>
    <definedName name="투찰서_2">[217]!투찰서_2</definedName>
    <definedName name="투찰서_3">[217]!투찰서_3</definedName>
    <definedName name="투찰서2">[217]!투찰서2</definedName>
    <definedName name="팔" hidden="1">#REF!</definedName>
    <definedName name="펌프구경">#REF!</definedName>
    <definedName name="평택">#REF!</definedName>
    <definedName name="표지" hidden="1">#REF!</definedName>
    <definedName name="프린트">#REF!</definedName>
    <definedName name="ㅎ">#REF!</definedName>
    <definedName name="ㅎ314">#REF!</definedName>
    <definedName name="ㅎ384">#REF!</definedName>
    <definedName name="ㅎㄹㄹ">#REF!</definedName>
    <definedName name="하도급계획서">#REF!</definedName>
    <definedName name="한" hidden="1">#REF!</definedName>
    <definedName name="한교1호">#REF!</definedName>
    <definedName name="한교2호">#REF!</definedName>
    <definedName name="한교3호">#REF!</definedName>
    <definedName name="한전">#REF!</definedName>
    <definedName name="한전수탁비">#REF!</definedName>
    <definedName name="할증">#REF!</definedName>
    <definedName name="합계">#REF!</definedName>
    <definedName name="행삭제">#REF!</definedName>
    <definedName name="현천기자재비">#REF!</definedName>
    <definedName name="화신1호">#REF!</definedName>
    <definedName name="화신2호">#REF!</definedName>
    <definedName name="화신기존1">#REF!</definedName>
    <definedName name="화신기존2">#REF!</definedName>
    <definedName name="환산계수">#REF!</definedName>
    <definedName name="회사명">#REF!</definedName>
    <definedName name="회시1호">#REF!</definedName>
    <definedName name="회시2호">#REF!</definedName>
    <definedName name="후다">[217]!후다</definedName>
    <definedName name="희선">#REF!,#REF!,#REF!,#REF!,#REF!,#REF!,#REF!,#REF!,#REF!,#REF!,#REF!,#REF!,#REF!,#REF!,#REF!,#REF!,#REF!,#REF!,#REF!</definedName>
    <definedName name="ㅗ1433">#REF!</definedName>
    <definedName name="ㅗㅓㅏ">#REF!</definedName>
    <definedName name="ㅠ">#REF!</definedName>
    <definedName name="ㅠ1">#REF!</definedName>
    <definedName name="ㅠ121">#REF!</definedName>
    <definedName name="ㅡㅁㅊ개14">[140]!Macro13</definedName>
    <definedName name="Z_3B4DD3B0_847F_4B57_93D1_810D4C8DE510_.wvu.PrintArea" localSheetId="0" hidden="1">#REF!</definedName>
    <definedName name="Z_3B4DD3B0_847F_4B57_93D1_810D4C8DE510_.wvu.PrintTitles" localSheetId="0" hidden="1">#REF!</definedName>
    <definedName name="Z_92BBA066_F4C6_41CC_BE6D_9F1BA5F6C04D_.wvu.PrintArea" localSheetId="0" hidden="1">#REF!</definedName>
    <definedName name="Z_92BBA066_F4C6_41CC_BE6D_9F1BA5F6C04D_.wvu.PrintTitles" localSheetId="0" hidden="1">#REF!</definedName>
    <definedName name="Z_9B18BCA6_6102_4285_8AC8_DAF29FB4CA54_.wvu.PrintArea" localSheetId="0" hidden="1">#REF!</definedName>
    <definedName name="Z_9B18BCA6_6102_4285_8AC8_DAF29FB4CA54_.wvu.PrintTitles" localSheetId="0" hidden="1">#REF!</definedName>
    <definedName name="a" localSheetId="0">EVALUATE(#REF!)</definedName>
    <definedName name="ac" localSheetId="0">#REF!</definedName>
    <definedName name="ch" localSheetId="0">EVALUATE(#REF!)</definedName>
    <definedName name="ji" localSheetId="0">EVALUATE(#REF!)</definedName>
    <definedName name="std" localSheetId="0">EVALUATE(#REF!)</definedName>
    <definedName name="_x1" localSheetId="0">#REF!</definedName>
    <definedName name="________ys1" localSheetId="0">#REF!</definedName>
    <definedName name="___ys2" localSheetId="0">#REF!</definedName>
    <definedName name="___ys3" localSheetId="0">#REF!</definedName>
    <definedName name="偿还" localSheetId="0">EVALUATE(#REF!)</definedName>
    <definedName name="承台桩长2" localSheetId="0">#REF!</definedName>
    <definedName name="单边工作面宽2" localSheetId="0">#REF!</definedName>
    <definedName name="地坪厚度2" localSheetId="0">#REF!</definedName>
    <definedName name="垫层单边突出宽2" localSheetId="0">#REF!</definedName>
    <definedName name="垫层厚度2" localSheetId="0">#REF!</definedName>
    <definedName name="垫层突出单边宽2" localSheetId="0">#REF!</definedName>
    <definedName name="反正" localSheetId="0">#REF!</definedName>
    <definedName name="工作单边宽2" localSheetId="0">#REF!</definedName>
    <definedName name="工作面单边宽2" localSheetId="0">#REF!</definedName>
    <definedName name="公式4" localSheetId="0">EVALUATE(#REF!)</definedName>
    <definedName name="公式5" localSheetId="0">EVALUATE(#REF!)</definedName>
    <definedName name="公式6" localSheetId="0">EVALUATE(#REF!)</definedName>
    <definedName name="公式7" localSheetId="0">EVALUATE(#REF!)</definedName>
    <definedName name="公式8" localSheetId="0">EVALUATE(#REF!)</definedName>
    <definedName name="公式A" localSheetId="0">EVALUATE(#REF!)</definedName>
    <definedName name="公式B" localSheetId="0">EVALUATE(#REF!)</definedName>
    <definedName name="公式C" localSheetId="0">EVALUATE(#REF!)</definedName>
    <definedName name="公式二" localSheetId="0">EVALUATE(#REF!)</definedName>
    <definedName name="公式一" localSheetId="0">EVALUATE(#REF!)</definedName>
    <definedName name="基础1" localSheetId="0">EVALUATE(#REF!)</definedName>
    <definedName name="计算式3" localSheetId="0">EVALUATE(#REF!)</definedName>
    <definedName name="裙楼砖墙" localSheetId="0">#REF!</definedName>
    <definedName name="室内外地台差1" localSheetId="0">#REF!</definedName>
    <definedName name="室内外地台差2" localSheetId="0">#REF!</definedName>
    <definedName name="室内外高差1" localSheetId="0">#REF!</definedName>
    <definedName name="室内外高差2" localSheetId="0">#REF!</definedName>
    <definedName name="数量" localSheetId="0">#REF!</definedName>
    <definedName name="踢脚线高" localSheetId="0">#REF!</definedName>
    <definedName name="踢脚线高1" localSheetId="0">#REF!</definedName>
    <definedName name="踢脚线高2" localSheetId="0">#REF!</definedName>
    <definedName name="五号" localSheetId="0">EVALUATE(#REF!)</definedName>
    <definedName name="五号桥" localSheetId="0">EVALUATE(#REF!)</definedName>
    <definedName name="有梁板" localSheetId="0">#REF!</definedName>
    <definedName name="幼儿园板" localSheetId="0">#REF!</definedName>
    <definedName name="执层厚2" localSheetId="0">#REF!</definedName>
    <definedName name="__x1" localSheetId="0">#REF!</definedName>
    <definedName name="_________ys1" localSheetId="0">#REF!</definedName>
    <definedName name="____ys2" localSheetId="0">#REF!</definedName>
    <definedName name="____ys3" localSheetId="0">#REF!</definedName>
    <definedName name="___ys1" localSheetId="0">#REF!</definedName>
    <definedName name="___x1" localSheetId="0">#REF!</definedName>
    <definedName name="____ys1" localSheetId="0">#REF!</definedName>
    <definedName name="_____ys2" localSheetId="0">#REF!</definedName>
    <definedName name="_____ys3" localSheetId="0">#REF!</definedName>
    <definedName name="d" localSheetId="0">PUR资料+'[76]#REF!'!$B$7:$AV$3185</definedName>
    <definedName name="RE2WERT" localSheetId="0">BlankMacro1</definedName>
    <definedName name="가설형틀확인서" localSheetId="0">BlankMacro1</definedName>
    <definedName name="啊" localSheetId="0">AK+'[76]#REF!'!$B$1:$H$2544</definedName>
    <definedName name="견적" localSheetId="0">Dlog_Show</definedName>
    <definedName name="견적2" localSheetId="0">Dlog_Show</definedName>
    <definedName name="공종별" localSheetId="0">Dlog_Show</definedName>
    <definedName name="才" localSheetId="0">AK+'[76]#REF!'!$B$1:$H$2544</definedName>
    <definedName name="구분" localSheetId="0">BlankMacro1</definedName>
    <definedName name="구분1" localSheetId="0">BlankMacro1</definedName>
    <definedName name="기계3" localSheetId="0">BlankMacro1</definedName>
    <definedName name="次料库" localSheetId="0">AK+'[76]#REF!'!$B$1:$H$2544</definedName>
    <definedName name="地方" localSheetId="0">PUR资料+'[76]#REF!'!$B$7:$AV$3185</definedName>
    <definedName name="노임1" localSheetId="0">BlankMacro1</definedName>
    <definedName name="是" localSheetId="0">AK+'[76]#REF!'!$B$1:$H$2544</definedName>
    <definedName name="想" localSheetId="0">AK+'[76]#REF!'!$B$1:$H$2544</definedName>
    <definedName name="资料库2" localSheetId="0">PUR资料+'[76]#REF!'!$B$7:$AV$3185</definedName>
    <definedName name="부토" localSheetId="0">Dlog_Show</definedName>
    <definedName name="산출근거" localSheetId="0">BlankMacro1</definedName>
    <definedName name="수량산출" localSheetId="0">BlankMacro1</definedName>
    <definedName name="수량산출2" localSheetId="0">BlankMacro1</definedName>
    <definedName name="수량산출5" localSheetId="0">BlankMacro1</definedName>
    <definedName name="신청서4" localSheetId="0">BlankMacro1</definedName>
    <definedName name="실투입대비" localSheetId="0">BlankMacro1</definedName>
    <definedName name="철근확인서" localSheetId="0">BlankMacro1</definedName>
    <definedName name="템플리트모듈6" localSheetId="0">Dlog_Show</definedName>
    <definedName name="토목" localSheetId="0">BlankMacro1</definedName>
    <definedName name="효구" localSheetId="0">Dlog_Show</definedName>
    <definedName name="_xlnm.Print_Area" localSheetId="0">'汇总表- 旭景党群服务中心党建氛围布展'!$A$1:$D$7</definedName>
  </definedNames>
  <calcPr calcId="144525"/>
</workbook>
</file>

<file path=xl/sharedStrings.xml><?xml version="1.0" encoding="utf-8"?>
<sst xmlns="http://schemas.openxmlformats.org/spreadsheetml/2006/main" count="452" uniqueCount="222">
  <si>
    <t>汇  总  表</t>
  </si>
  <si>
    <t>项目名称：旭景党群服务中心党建氛围布展</t>
  </si>
  <si>
    <t>序号</t>
  </si>
  <si>
    <t>名  称</t>
  </si>
  <si>
    <t>金  额</t>
  </si>
  <si>
    <t>备  注</t>
  </si>
  <si>
    <t>党员活动中心</t>
  </si>
  <si>
    <t>党群服务中心
（旭景西街194号，271㎡）</t>
  </si>
  <si>
    <t>合  计</t>
  </si>
  <si>
    <t>大写</t>
  </si>
  <si>
    <t>车陂街道旭景社区党群服务中心氛围布展项目清单</t>
  </si>
  <si>
    <t>名称：旭景社区党员活动中心</t>
  </si>
  <si>
    <t>项目
编码</t>
  </si>
  <si>
    <t>项目名称</t>
  </si>
  <si>
    <t>项目特征描述</t>
  </si>
  <si>
    <t>单位</t>
  </si>
  <si>
    <t>数量</t>
  </si>
  <si>
    <t>单价</t>
  </si>
  <si>
    <t>总价</t>
  </si>
  <si>
    <t>备注</t>
  </si>
  <si>
    <t>（一）</t>
  </si>
  <si>
    <t>宣传公告栏</t>
  </si>
  <si>
    <r>
      <rPr>
        <sz val="10"/>
        <rFont val="仿宋_GB2312"/>
        <charset val="134"/>
      </rPr>
      <t>门头标识立体字</t>
    </r>
  </si>
  <si>
    <r>
      <t>1.</t>
    </r>
    <r>
      <rPr>
        <sz val="10"/>
        <rFont val="仿宋_GB2312"/>
        <charset val="134"/>
      </rPr>
      <t>尺寸：中文</t>
    </r>
    <r>
      <rPr>
        <sz val="10"/>
        <rFont val="Times New Roman"/>
        <charset val="134"/>
      </rPr>
      <t>H270mm*8</t>
    </r>
    <r>
      <rPr>
        <sz val="10"/>
        <rFont val="仿宋_GB2312"/>
        <charset val="134"/>
      </rPr>
      <t>个，英文</t>
    </r>
    <r>
      <rPr>
        <sz val="10"/>
        <rFont val="Times New Roman"/>
        <charset val="134"/>
      </rPr>
      <t>H95*26</t>
    </r>
    <r>
      <rPr>
        <sz val="10"/>
        <rFont val="仿宋_GB2312"/>
        <charset val="134"/>
      </rPr>
      <t>个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金属烤漆广告字。</t>
    </r>
  </si>
  <si>
    <r>
      <rPr>
        <sz val="10"/>
        <rFont val="仿宋_GB2312"/>
        <charset val="134"/>
      </rPr>
      <t>项</t>
    </r>
  </si>
  <si>
    <r>
      <rPr>
        <sz val="10"/>
        <rFont val="仿宋_GB2312"/>
        <charset val="134"/>
      </rPr>
      <t>养老宣传画面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110*H1700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5+8mm</t>
    </r>
    <r>
      <rPr>
        <sz val="10"/>
        <rFont val="仿宋_GB2312"/>
        <charset val="134"/>
      </rPr>
      <t>结皮</t>
    </r>
    <r>
      <rPr>
        <sz val="10"/>
        <rFont val="Times New Roman"/>
        <charset val="134"/>
      </rPr>
      <t>PVC</t>
    </r>
    <r>
      <rPr>
        <sz val="10"/>
        <rFont val="仿宋_GB2312"/>
        <charset val="134"/>
      </rPr>
      <t>直喷</t>
    </r>
    <r>
      <rPr>
        <sz val="10"/>
        <rFont val="Times New Roman"/>
        <charset val="134"/>
      </rPr>
      <t>UV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3.</t>
    </r>
    <r>
      <rPr>
        <sz val="10"/>
        <rFont val="仿宋_GB2312"/>
        <charset val="134"/>
      </rPr>
      <t>工艺：热熔包边工艺。</t>
    </r>
  </si>
  <si>
    <t>（二）</t>
  </si>
  <si>
    <t>文化墙</t>
  </si>
  <si>
    <r>
      <rPr>
        <sz val="10"/>
        <rFont val="仿宋_GB2312"/>
        <charset val="134"/>
      </rPr>
      <t>社区服务标语展板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2800*H1130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H130*14</t>
    </r>
    <r>
      <rPr>
        <sz val="10"/>
        <rFont val="仿宋_GB2312"/>
        <charset val="134"/>
      </rPr>
      <t>个、</t>
    </r>
    <r>
      <rPr>
        <sz val="10"/>
        <rFont val="Times New Roman"/>
        <charset val="134"/>
      </rPr>
      <t>H70*12</t>
    </r>
    <r>
      <rPr>
        <sz val="10"/>
        <rFont val="仿宋_GB2312"/>
        <charset val="134"/>
      </rPr>
      <t>个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mm</t>
    </r>
    <r>
      <rPr>
        <sz val="10"/>
        <rFont val="仿宋_GB2312"/>
        <charset val="134"/>
      </rPr>
      <t>结皮</t>
    </r>
    <r>
      <rPr>
        <sz val="10"/>
        <rFont val="Times New Roman"/>
        <charset val="134"/>
      </rPr>
      <t>PVC</t>
    </r>
    <r>
      <rPr>
        <sz val="10"/>
        <rFont val="仿宋_GB2312"/>
        <charset val="134"/>
      </rPr>
      <t>直喷</t>
    </r>
    <r>
      <rPr>
        <sz val="10"/>
        <rFont val="Times New Roman"/>
        <charset val="134"/>
      </rPr>
      <t>UV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8+3</t>
    </r>
    <r>
      <rPr>
        <sz val="10"/>
        <rFont val="仿宋_GB2312"/>
        <charset val="134"/>
      </rPr>
      <t>水晶字、</t>
    </r>
    <r>
      <rPr>
        <sz val="10"/>
        <rFont val="Times New Roman"/>
        <charset val="134"/>
      </rPr>
      <t>5mm</t>
    </r>
    <r>
      <rPr>
        <sz val="10"/>
        <rFont val="仿宋_GB2312"/>
        <charset val="134"/>
      </rPr>
      <t>亚克力立体字；</t>
    </r>
    <r>
      <rPr>
        <sz val="10"/>
        <rFont val="Times New Roman"/>
        <charset val="134"/>
      </rPr>
      <t xml:space="preserve">
3.</t>
    </r>
    <r>
      <rPr>
        <sz val="10"/>
        <rFont val="仿宋_GB2312"/>
        <charset val="134"/>
      </rPr>
      <t>工艺：热熔包边工艺。</t>
    </r>
  </si>
  <si>
    <t>（三）</t>
  </si>
  <si>
    <t>宣传展板</t>
  </si>
  <si>
    <r>
      <rPr>
        <sz val="10"/>
        <rFont val="仿宋_GB2312"/>
        <charset val="134"/>
      </rPr>
      <t>宣传版面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600*H1100mm*2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115*H980mm*2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mm</t>
    </r>
    <r>
      <rPr>
        <sz val="10"/>
        <rFont val="仿宋_GB2312"/>
        <charset val="134"/>
      </rPr>
      <t>结皮</t>
    </r>
    <r>
      <rPr>
        <sz val="10"/>
        <rFont val="Times New Roman"/>
        <charset val="134"/>
      </rPr>
      <t>PVC</t>
    </r>
    <r>
      <rPr>
        <sz val="10"/>
        <rFont val="仿宋_GB2312"/>
        <charset val="134"/>
      </rPr>
      <t>直喷</t>
    </r>
    <r>
      <rPr>
        <sz val="10"/>
        <rFont val="Times New Roman"/>
        <charset val="134"/>
      </rPr>
      <t>UV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5mm</t>
    </r>
    <r>
      <rPr>
        <sz val="10"/>
        <rFont val="仿宋_GB2312"/>
        <charset val="134"/>
      </rPr>
      <t>亚克力雕刻窗格图案，整体喷漆；</t>
    </r>
    <r>
      <rPr>
        <sz val="10"/>
        <rFont val="Times New Roman"/>
        <charset val="134"/>
      </rPr>
      <t xml:space="preserve">
3.</t>
    </r>
    <r>
      <rPr>
        <sz val="10"/>
        <rFont val="仿宋_GB2312"/>
        <charset val="134"/>
      </rPr>
      <t>工艺：热熔包边工艺。</t>
    </r>
  </si>
  <si>
    <t>（四）</t>
  </si>
  <si>
    <t>氛围灯光</t>
  </si>
  <si>
    <r>
      <rPr>
        <sz val="10"/>
        <rFont val="仿宋_GB2312"/>
        <charset val="134"/>
      </rPr>
      <t>氛围灯光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长条灯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500*40mm</t>
    </r>
    <r>
      <rPr>
        <sz val="10"/>
        <rFont val="仿宋_GB2312"/>
        <charset val="134"/>
      </rPr>
      <t>；</t>
    </r>
    <r>
      <rPr>
        <sz val="10"/>
        <rFont val="Times New Roman"/>
        <charset val="134"/>
      </rPr>
      <t>4000K</t>
    </r>
    <r>
      <rPr>
        <sz val="10"/>
        <rFont val="仿宋_GB2312"/>
        <charset val="134"/>
      </rPr>
      <t>暖白光格栅长条灯。</t>
    </r>
  </si>
  <si>
    <r>
      <rPr>
        <sz val="10"/>
        <rFont val="仿宋_GB2312"/>
        <charset val="134"/>
      </rPr>
      <t>套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筒灯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4000K</t>
    </r>
    <r>
      <rPr>
        <sz val="10"/>
        <rFont val="仿宋_GB2312"/>
        <charset val="134"/>
      </rPr>
      <t>暖白光</t>
    </r>
    <r>
      <rPr>
        <sz val="10"/>
        <rFont val="Times New Roman"/>
        <charset val="134"/>
      </rPr>
      <t>LED</t>
    </r>
    <r>
      <rPr>
        <sz val="10"/>
        <rFont val="仿宋_GB2312"/>
        <charset val="134"/>
      </rPr>
      <t>筒灯。</t>
    </r>
  </si>
  <si>
    <t>（五）</t>
  </si>
  <si>
    <t>门窗</t>
  </si>
  <si>
    <r>
      <rPr>
        <sz val="10"/>
        <rFont val="仿宋_GB2312"/>
        <charset val="134"/>
      </rPr>
      <t>空间配套</t>
    </r>
    <r>
      <rPr>
        <sz val="10"/>
        <rFont val="Times New Roman"/>
        <charset val="134"/>
      </rPr>
      <t xml:space="preserve"> 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单开木饰面门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</t>
    </r>
    <r>
      <rPr>
        <sz val="10"/>
        <rFont val="Times New Roman"/>
        <charset val="134"/>
      </rPr>
      <t>:900*H24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樘</t>
    </r>
  </si>
  <si>
    <t>（六）</t>
  </si>
  <si>
    <t>外立面改造</t>
  </si>
  <si>
    <r>
      <rPr>
        <sz val="10"/>
        <rFont val="仿宋_GB2312"/>
        <charset val="134"/>
      </rPr>
      <t>门口墙面造型框架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墙面下侧不锈钢方管垫高</t>
    </r>
    <r>
      <rPr>
        <sz val="10"/>
        <rFont val="Times New Roman"/>
        <charset val="134"/>
      </rPr>
      <t>,9mm</t>
    </r>
    <r>
      <rPr>
        <sz val="10"/>
        <rFont val="仿宋_GB2312"/>
        <charset val="134"/>
      </rPr>
      <t>难燃胶合板打底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墙面面层贴木纹铝塑板。</t>
    </r>
  </si>
  <si>
    <r>
      <rPr>
        <sz val="10"/>
        <rFont val="仿宋_GB2312"/>
        <charset val="134"/>
      </rPr>
      <t>门头造型框架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门头侧管、面管焊接造型</t>
    </r>
    <r>
      <rPr>
        <sz val="10"/>
        <rFont val="Times New Roman"/>
        <charset val="134"/>
      </rPr>
      <t>+</t>
    </r>
    <r>
      <rPr>
        <sz val="10"/>
        <rFont val="仿宋_GB2312"/>
        <charset val="134"/>
      </rPr>
      <t>基层</t>
    </r>
    <r>
      <rPr>
        <sz val="10"/>
        <rFont val="Times New Roman"/>
        <charset val="134"/>
      </rPr>
      <t>9mm</t>
    </r>
    <r>
      <rPr>
        <sz val="10"/>
        <rFont val="仿宋_GB2312"/>
        <charset val="134"/>
      </rPr>
      <t>难燃胶合板打底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门头侧层贴木纹铝塑板、门头面贴红色铝塑板。</t>
    </r>
  </si>
  <si>
    <r>
      <rPr>
        <sz val="10"/>
        <rFont val="仿宋_GB2312"/>
        <charset val="134"/>
      </rPr>
      <t>门面饰板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墙面基层</t>
    </r>
    <r>
      <rPr>
        <sz val="10"/>
        <rFont val="Times New Roman"/>
        <charset val="134"/>
      </rPr>
      <t>9mm</t>
    </r>
    <r>
      <rPr>
        <sz val="10"/>
        <rFont val="仿宋_GB2312"/>
        <charset val="134"/>
      </rPr>
      <t>难燃胶合板打底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墙面面层贴木纹长城板。</t>
    </r>
  </si>
  <si>
    <r>
      <rPr>
        <sz val="10"/>
        <rFont val="仿宋_GB2312"/>
        <charset val="134"/>
      </rPr>
      <t>空间配套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双开门规格：</t>
    </r>
    <r>
      <rPr>
        <sz val="10"/>
        <rFont val="Times New Roman"/>
        <charset val="134"/>
      </rPr>
      <t>1200*2600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钢化玻璃门含不锈钢门套及五金配件。</t>
    </r>
  </si>
  <si>
    <r>
      <rPr>
        <sz val="10"/>
        <rFont val="仿宋_GB2312"/>
        <charset val="134"/>
      </rPr>
      <t>地面美化</t>
    </r>
  </si>
  <si>
    <r>
      <t>门口地面平整刷新</t>
    </r>
    <r>
      <rPr>
        <sz val="10"/>
        <rFont val="Times New Roman"/>
        <charset val="134"/>
      </rPr>
      <t>,5000*2000mm</t>
    </r>
    <r>
      <rPr>
        <sz val="10"/>
        <rFont val="宋体"/>
        <charset val="134"/>
      </rPr>
      <t>。</t>
    </r>
  </si>
  <si>
    <t>（七）</t>
  </si>
  <si>
    <t>其他工程</t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轻钢龙骨、吊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天花吊格栅：间距</t>
    </r>
    <r>
      <rPr>
        <sz val="10"/>
        <rFont val="Times New Roman"/>
        <charset val="134"/>
      </rPr>
      <t>50mm,50*50</t>
    </r>
    <r>
      <rPr>
        <sz val="10"/>
        <rFont val="仿宋_GB2312"/>
        <charset val="134"/>
      </rPr>
      <t>木纹格栅。</t>
    </r>
  </si>
  <si>
    <t>m2</t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轻钢龙骨、吊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洗手间吊铝板集成天花。</t>
    </r>
  </si>
  <si>
    <r>
      <rPr>
        <sz val="10"/>
        <rFont val="仿宋_GB2312"/>
        <charset val="134"/>
      </rPr>
      <t>装饰板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墙面面层贴生态板，包含上侧木线收口。</t>
    </r>
  </si>
  <si>
    <t>（八）</t>
  </si>
  <si>
    <t>其他项目</t>
  </si>
  <si>
    <r>
      <rPr>
        <sz val="10"/>
        <rFont val="仿宋_GB2312"/>
        <charset val="134"/>
      </rPr>
      <t>氛围布置人工费</t>
    </r>
  </si>
  <si>
    <r>
      <rPr>
        <sz val="10"/>
        <rFont val="仿宋_GB2312"/>
        <charset val="134"/>
      </rPr>
      <t>策划设计服务</t>
    </r>
  </si>
  <si>
    <r>
      <rPr>
        <sz val="10"/>
        <rFont val="仿宋_GB2312"/>
        <charset val="134"/>
      </rPr>
      <t>物料运输、搬运、脚手架等工具</t>
    </r>
  </si>
  <si>
    <r>
      <rPr>
        <sz val="10"/>
        <rFont val="楷体_GB2312"/>
        <charset val="134"/>
      </rPr>
      <t>名称：旭景社区党群服务中心（旭景西街</t>
    </r>
    <r>
      <rPr>
        <sz val="10"/>
        <rFont val="Times New Roman"/>
        <charset val="134"/>
      </rPr>
      <t>194</t>
    </r>
    <r>
      <rPr>
        <sz val="10"/>
        <rFont val="楷体_GB2312"/>
        <charset val="134"/>
      </rPr>
      <t>号，</t>
    </r>
    <r>
      <rPr>
        <sz val="10"/>
        <rFont val="Times New Roman"/>
        <charset val="134"/>
      </rPr>
      <t>271</t>
    </r>
    <r>
      <rPr>
        <sz val="10"/>
        <rFont val="宋体"/>
        <charset val="134"/>
      </rPr>
      <t>㎡</t>
    </r>
    <r>
      <rPr>
        <sz val="10"/>
        <rFont val="楷体_GB2312"/>
        <charset val="134"/>
      </rPr>
      <t>）</t>
    </r>
  </si>
  <si>
    <t>一</t>
  </si>
  <si>
    <t>接待室及办公室</t>
  </si>
  <si>
    <t>接待背景</t>
  </si>
  <si>
    <r>
      <t>LOGO</t>
    </r>
    <r>
      <rPr>
        <sz val="10"/>
        <rFont val="仿宋_GB2312"/>
        <charset val="134"/>
      </rPr>
      <t>标识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H595mm</t>
    </r>
    <r>
      <rPr>
        <sz val="10"/>
        <rFont val="仿宋_GB2312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5+10</t>
    </r>
    <r>
      <rPr>
        <sz val="10"/>
        <rFont val="仿宋_GB2312"/>
        <charset val="134"/>
      </rPr>
      <t>厘亚克力水晶版雕刻</t>
    </r>
    <r>
      <rPr>
        <sz val="10"/>
        <rFont val="Times New Roman"/>
        <charset val="134"/>
      </rPr>
      <t>LOGO</t>
    </r>
    <r>
      <rPr>
        <sz val="10"/>
        <rFont val="仿宋_GB2312"/>
        <charset val="134"/>
      </rPr>
      <t>，烤漆处理。</t>
    </r>
  </si>
  <si>
    <r>
      <rPr>
        <sz val="10"/>
        <rFont val="仿宋_GB2312"/>
        <charset val="134"/>
      </rPr>
      <t>党群服务标识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H24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10</t>
    </r>
    <r>
      <rPr>
        <sz val="10"/>
        <rFont val="仿宋_GB2312"/>
        <charset val="134"/>
      </rPr>
      <t>个），</t>
    </r>
    <r>
      <rPr>
        <sz val="10"/>
        <rFont val="Times New Roman"/>
        <charset val="134"/>
      </rPr>
      <t>H135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10</t>
    </r>
    <r>
      <rPr>
        <sz val="10"/>
        <rFont val="仿宋_GB2312"/>
        <charset val="134"/>
      </rPr>
      <t>个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5+10</t>
    </r>
    <r>
      <rPr>
        <sz val="10"/>
        <rFont val="仿宋_GB2312"/>
        <charset val="134"/>
      </rPr>
      <t>厘亚克力水晶字。</t>
    </r>
  </si>
  <si>
    <r>
      <rPr>
        <sz val="10"/>
        <rFont val="仿宋_GB2312"/>
        <charset val="134"/>
      </rPr>
      <t>文化标语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450*H125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7</t>
    </r>
    <r>
      <rPr>
        <sz val="10"/>
        <rFont val="仿宋_GB2312"/>
        <charset val="134"/>
      </rPr>
      <t>个），</t>
    </r>
    <r>
      <rPr>
        <sz val="10"/>
        <rFont val="Times New Roman"/>
        <charset val="134"/>
      </rPr>
      <t>H9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28</t>
    </r>
    <r>
      <rPr>
        <sz val="10"/>
        <rFont val="仿宋_GB2312"/>
        <charset val="134"/>
      </rPr>
      <t>个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</t>
    </r>
    <r>
      <rPr>
        <sz val="10"/>
        <rFont val="仿宋_GB2312"/>
        <charset val="134"/>
      </rPr>
      <t>厘结皮</t>
    </r>
    <r>
      <rPr>
        <sz val="10"/>
        <rFont val="Times New Roman"/>
        <charset val="134"/>
      </rPr>
      <t>PVC</t>
    </r>
    <r>
      <rPr>
        <sz val="10"/>
        <rFont val="仿宋_GB2312"/>
        <charset val="134"/>
      </rPr>
      <t>面贴</t>
    </r>
    <r>
      <rPr>
        <sz val="10"/>
        <rFont val="Times New Roman"/>
        <charset val="134"/>
      </rPr>
      <t>5</t>
    </r>
    <r>
      <rPr>
        <sz val="10"/>
        <rFont val="仿宋_GB2312"/>
        <charset val="134"/>
      </rPr>
      <t>厘亚克力边框。</t>
    </r>
  </si>
  <si>
    <r>
      <rPr>
        <sz val="10"/>
        <rFont val="仿宋_GB2312"/>
        <charset val="134"/>
      </rPr>
      <t>氛围背景板</t>
    </r>
  </si>
  <si>
    <r>
      <t>1.</t>
    </r>
    <r>
      <rPr>
        <sz val="10"/>
        <rFont val="仿宋_GB2312"/>
        <charset val="134"/>
      </rPr>
      <t>墙面面层贴木纹碳晶板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布置面积：</t>
    </r>
    <r>
      <rPr>
        <sz val="10"/>
        <rFont val="Times New Roman"/>
        <charset val="134"/>
      </rPr>
      <t>5420*27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墙面贴宣绒布</t>
    </r>
    <r>
      <rPr>
        <sz val="10"/>
        <rFont val="Times New Roman"/>
        <charset val="134"/>
      </rPr>
      <t>UV</t>
    </r>
  </si>
  <si>
    <r>
      <t>1.</t>
    </r>
    <r>
      <rPr>
        <sz val="10"/>
        <rFont val="仿宋_GB2312"/>
        <charset val="134"/>
      </rPr>
      <t>墙面喷涂基膜，面贴宣绒布印画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6250*H2700mm</t>
    </r>
    <r>
      <rPr>
        <sz val="10"/>
        <rFont val="仿宋_GB2312"/>
        <charset val="134"/>
      </rPr>
      <t>；</t>
    </r>
    <r>
      <rPr>
        <sz val="10"/>
        <rFont val="Times New Roman"/>
        <charset val="134"/>
      </rPr>
      <t xml:space="preserve">
3.</t>
    </r>
    <r>
      <rPr>
        <sz val="10"/>
        <rFont val="仿宋_GB2312"/>
        <charset val="134"/>
      </rPr>
      <t>刮腻子找平。</t>
    </r>
  </si>
  <si>
    <r>
      <rPr>
        <sz val="10"/>
        <rFont val="仿宋_GB2312"/>
        <charset val="134"/>
      </rPr>
      <t>文化墙氛围展板</t>
    </r>
  </si>
  <si>
    <r>
      <t>1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</t>
    </r>
    <r>
      <rPr>
        <sz val="10"/>
        <rFont val="仿宋_GB2312"/>
        <charset val="134"/>
      </rPr>
      <t>厘结皮</t>
    </r>
    <r>
      <rPr>
        <sz val="10"/>
        <rFont val="Times New Roman"/>
        <charset val="134"/>
      </rPr>
      <t>PVC</t>
    </r>
    <r>
      <rPr>
        <sz val="10"/>
        <rFont val="仿宋_GB2312"/>
        <charset val="134"/>
      </rPr>
      <t>面贴</t>
    </r>
    <r>
      <rPr>
        <sz val="10"/>
        <rFont val="Times New Roman"/>
        <charset val="134"/>
      </rPr>
      <t>5</t>
    </r>
    <r>
      <rPr>
        <sz val="10"/>
        <rFont val="仿宋_GB2312"/>
        <charset val="134"/>
      </rPr>
      <t>厘亚克力，雕刻立体造型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规格：</t>
    </r>
    <r>
      <rPr>
        <sz val="10"/>
        <rFont val="Times New Roman"/>
        <charset val="134"/>
      </rPr>
      <t>2100*H125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文化内容展板</t>
    </r>
  </si>
  <si>
    <r>
      <t>1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</t>
    </r>
    <r>
      <rPr>
        <sz val="10"/>
        <rFont val="仿宋_GB2312"/>
        <charset val="134"/>
      </rPr>
      <t>厘结皮</t>
    </r>
    <r>
      <rPr>
        <sz val="10"/>
        <rFont val="Times New Roman"/>
        <charset val="134"/>
      </rPr>
      <t>PVC</t>
    </r>
    <r>
      <rPr>
        <sz val="10"/>
        <rFont val="仿宋_GB2312"/>
        <charset val="134"/>
      </rPr>
      <t>直喷</t>
    </r>
    <r>
      <rPr>
        <sz val="10"/>
        <rFont val="Times New Roman"/>
        <charset val="134"/>
      </rPr>
      <t>UV</t>
    </r>
    <r>
      <rPr>
        <sz val="10"/>
        <rFont val="仿宋_GB2312"/>
        <charset val="134"/>
      </rPr>
      <t>，面贴</t>
    </r>
    <r>
      <rPr>
        <sz val="10"/>
        <rFont val="Times New Roman"/>
        <charset val="134"/>
      </rPr>
      <t>5</t>
    </r>
    <r>
      <rPr>
        <sz val="10"/>
        <rFont val="仿宋_GB2312"/>
        <charset val="134"/>
      </rPr>
      <t>厘亚克力边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规格：直径</t>
    </r>
    <r>
      <rPr>
        <sz val="10"/>
        <rFont val="Times New Roman"/>
        <charset val="134"/>
      </rPr>
      <t>590mm*3</t>
    </r>
    <r>
      <rPr>
        <sz val="10"/>
        <rFont val="仿宋_GB2312"/>
        <charset val="134"/>
      </rPr>
      <t>个，直径</t>
    </r>
    <r>
      <rPr>
        <sz val="10"/>
        <rFont val="Times New Roman"/>
        <charset val="134"/>
      </rPr>
      <t>900mm*1</t>
    </r>
    <r>
      <rPr>
        <sz val="10"/>
        <rFont val="仿宋_GB2312"/>
        <charset val="134"/>
      </rPr>
      <t>个；</t>
    </r>
    <r>
      <rPr>
        <sz val="10"/>
        <rFont val="Times New Roman"/>
        <charset val="134"/>
      </rPr>
      <t>1300*H165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1</t>
    </r>
    <r>
      <rPr>
        <sz val="10"/>
        <rFont val="仿宋_GB2312"/>
        <charset val="134"/>
      </rPr>
      <t>个），</t>
    </r>
    <r>
      <rPr>
        <sz val="10"/>
        <rFont val="Times New Roman"/>
        <charset val="134"/>
      </rPr>
      <t>780*H30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2</t>
    </r>
    <r>
      <rPr>
        <sz val="10"/>
        <rFont val="仿宋_GB2312"/>
        <charset val="134"/>
      </rPr>
      <t>个）。</t>
    </r>
  </si>
  <si>
    <r>
      <rPr>
        <sz val="10"/>
        <rFont val="仿宋_GB2312"/>
        <charset val="134"/>
      </rPr>
      <t>旭景邻汇聚立体字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H21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5</t>
    </r>
    <r>
      <rPr>
        <sz val="10"/>
        <rFont val="仿宋_GB2312"/>
        <charset val="134"/>
      </rPr>
      <t>个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5+10</t>
    </r>
    <r>
      <rPr>
        <sz val="10"/>
        <rFont val="仿宋_GB2312"/>
        <charset val="134"/>
      </rPr>
      <t>亚克力水晶字。</t>
    </r>
  </si>
  <si>
    <r>
      <rPr>
        <sz val="10"/>
        <rFont val="仿宋_GB2312"/>
        <charset val="134"/>
      </rPr>
      <t>山峰造型</t>
    </r>
  </si>
  <si>
    <r>
      <t>1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</t>
    </r>
    <r>
      <rPr>
        <sz val="10"/>
        <rFont val="仿宋_GB2312"/>
        <charset val="134"/>
      </rPr>
      <t>厘结皮</t>
    </r>
    <r>
      <rPr>
        <sz val="10"/>
        <rFont val="Times New Roman"/>
        <charset val="134"/>
      </rPr>
      <t>PVC</t>
    </r>
    <r>
      <rPr>
        <sz val="10"/>
        <rFont val="仿宋_GB2312"/>
        <charset val="134"/>
      </rPr>
      <t>直喷</t>
    </r>
    <r>
      <rPr>
        <sz val="10"/>
        <rFont val="Times New Roman"/>
        <charset val="134"/>
      </rPr>
      <t>UV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规格：</t>
    </r>
    <r>
      <rPr>
        <sz val="10"/>
        <rFont val="Times New Roman"/>
        <charset val="134"/>
      </rPr>
      <t>1400*H230mm</t>
    </r>
    <r>
      <rPr>
        <sz val="10"/>
        <rFont val="仿宋_GB2312"/>
        <charset val="134"/>
      </rPr>
      <t>，</t>
    </r>
    <r>
      <rPr>
        <sz val="10"/>
        <rFont val="Times New Roman"/>
        <charset val="134"/>
      </rPr>
      <t>2000*H380mm</t>
    </r>
    <r>
      <rPr>
        <sz val="10"/>
        <rFont val="仿宋_GB2312"/>
        <charset val="134"/>
      </rPr>
      <t>。</t>
    </r>
  </si>
  <si>
    <r>
      <rPr>
        <sz val="10"/>
        <rFont val="仿宋_GB2312"/>
        <charset val="134"/>
      </rPr>
      <t>木饰面板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4100*H36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2</t>
    </r>
    <r>
      <rPr>
        <sz val="10"/>
        <rFont val="仿宋_GB2312"/>
        <charset val="134"/>
      </rPr>
      <t>条），</t>
    </r>
    <r>
      <rPr>
        <sz val="10"/>
        <rFont val="Times New Roman"/>
        <charset val="134"/>
      </rPr>
      <t>1100*35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6</t>
    </r>
    <r>
      <rPr>
        <sz val="10"/>
        <rFont val="仿宋_GB2312"/>
        <charset val="134"/>
      </rPr>
      <t>条）；</t>
    </r>
    <r>
      <rPr>
        <sz val="10"/>
        <rFont val="Times New Roman"/>
        <charset val="134"/>
      </rPr>
      <t>35*85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3</t>
    </r>
    <r>
      <rPr>
        <sz val="10"/>
        <rFont val="仿宋_GB2312"/>
        <charset val="134"/>
      </rPr>
      <t>条）、</t>
    </r>
    <r>
      <rPr>
        <sz val="10"/>
        <rFont val="Times New Roman"/>
        <charset val="134"/>
      </rPr>
      <t>248X248mm</t>
    </r>
    <r>
      <rPr>
        <sz val="10"/>
        <rFont val="仿宋_GB2312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2mmPVC</t>
    </r>
    <r>
      <rPr>
        <sz val="10"/>
        <rFont val="仿宋_GB2312"/>
        <charset val="134"/>
      </rPr>
      <t>面贴木饰面板。</t>
    </r>
  </si>
  <si>
    <r>
      <rPr>
        <sz val="10"/>
        <rFont val="仿宋_GB2312"/>
        <charset val="134"/>
      </rPr>
      <t>宣绒布</t>
    </r>
    <r>
      <rPr>
        <sz val="10"/>
        <rFont val="Times New Roman"/>
        <charset val="134"/>
      </rPr>
      <t>UV</t>
    </r>
  </si>
  <si>
    <r>
      <t>1.</t>
    </r>
    <r>
      <rPr>
        <sz val="10"/>
        <rFont val="仿宋_GB2312"/>
        <charset val="134"/>
      </rPr>
      <t>墙面喷涂基膜，面贴宣绒布印画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4870*27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文化展板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65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4</t>
    </r>
    <r>
      <rPr>
        <sz val="10"/>
        <rFont val="仿宋_GB2312"/>
        <charset val="134"/>
      </rPr>
      <t>个）</t>
    </r>
    <r>
      <rPr>
        <sz val="10"/>
        <rFont val="Times New Roman"/>
        <charset val="134"/>
      </rPr>
      <t>,116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4</t>
    </r>
    <r>
      <rPr>
        <sz val="10"/>
        <rFont val="仿宋_GB2312"/>
        <charset val="134"/>
      </rPr>
      <t>个）、</t>
    </r>
    <r>
      <rPr>
        <sz val="10"/>
        <rFont val="Times New Roman"/>
        <charset val="134"/>
      </rPr>
      <t>248X248mm*6</t>
    </r>
    <r>
      <rPr>
        <sz val="10"/>
        <rFont val="仿宋_GB2312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mm</t>
    </r>
    <r>
      <rPr>
        <sz val="10"/>
        <rFont val="仿宋_GB2312"/>
        <charset val="134"/>
      </rPr>
      <t>红色</t>
    </r>
    <r>
      <rPr>
        <sz val="10"/>
        <rFont val="Times New Roman"/>
        <charset val="134"/>
      </rPr>
      <t>PVCuv</t>
    </r>
    <r>
      <rPr>
        <sz val="10"/>
        <rFont val="仿宋_GB2312"/>
        <charset val="134"/>
      </rPr>
      <t>印刷、立体字异形雕刻。</t>
    </r>
  </si>
  <si>
    <r>
      <rPr>
        <sz val="10"/>
        <rFont val="仿宋_GB2312"/>
        <charset val="134"/>
      </rPr>
      <t>制度牌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550X850mm*4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铝合金海报框裱海报。</t>
    </r>
  </si>
  <si>
    <t>办公室宣传标语</t>
  </si>
  <si>
    <r>
      <rPr>
        <sz val="10"/>
        <rFont val="仿宋_GB2312"/>
        <charset val="134"/>
      </rPr>
      <t>党建标语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870*H250mm</t>
    </r>
    <r>
      <rPr>
        <sz val="10"/>
        <rFont val="仿宋_GB2312"/>
        <charset val="134"/>
      </rPr>
      <t>，</t>
    </r>
    <r>
      <rPr>
        <sz val="10"/>
        <rFont val="Times New Roman"/>
        <charset val="134"/>
      </rPr>
      <t>H270*4</t>
    </r>
    <r>
      <rPr>
        <sz val="10"/>
        <rFont val="仿宋_GB2312"/>
        <charset val="134"/>
      </rPr>
      <t>个，</t>
    </r>
    <r>
      <rPr>
        <sz val="10"/>
        <rFont val="Times New Roman"/>
        <charset val="134"/>
      </rPr>
      <t>H60*12</t>
    </r>
    <r>
      <rPr>
        <sz val="10"/>
        <rFont val="仿宋_GB2312"/>
        <charset val="134"/>
      </rPr>
      <t>个，</t>
    </r>
    <r>
      <rPr>
        <sz val="10"/>
        <rFont val="Times New Roman"/>
        <charset val="134"/>
      </rPr>
      <t>H54*8</t>
    </r>
    <r>
      <rPr>
        <sz val="10"/>
        <rFont val="仿宋_GB2312"/>
        <charset val="134"/>
      </rPr>
      <t>个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+3</t>
    </r>
    <r>
      <rPr>
        <sz val="10"/>
        <rFont val="仿宋_GB2312"/>
        <charset val="134"/>
      </rPr>
      <t>厘亚克力水晶雕刻立体图形、立体字。</t>
    </r>
  </si>
  <si>
    <r>
      <t>1.</t>
    </r>
    <r>
      <rPr>
        <sz val="10"/>
        <rFont val="仿宋_GB2312"/>
        <charset val="134"/>
      </rPr>
      <t>墙面喷涂基膜，面贴宣绒布印画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3275*27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装饰造型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447X490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930*128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mmPVC</t>
    </r>
    <r>
      <rPr>
        <sz val="10"/>
        <rFont val="仿宋_GB2312"/>
        <charset val="134"/>
      </rPr>
      <t>异形镂空。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296*H1100mm*4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</t>
    </r>
    <r>
      <rPr>
        <sz val="10"/>
        <rFont val="仿宋_GB2312"/>
        <charset val="134"/>
      </rPr>
      <t>面贴木饰面板。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315*H1290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115*H115mm*22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UV</t>
    </r>
    <r>
      <rPr>
        <sz val="10"/>
        <rFont val="仿宋_GB2312"/>
        <charset val="134"/>
      </rPr>
      <t>、立体字。</t>
    </r>
  </si>
  <si>
    <r>
      <t>1.</t>
    </r>
    <r>
      <rPr>
        <sz val="10"/>
        <rFont val="仿宋_GB2312"/>
        <charset val="134"/>
      </rPr>
      <t>墙面喷涂基膜，面贴宣绒布印画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3030*27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造型氛围展板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923X200mm/1090*140mm/595*235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5</t>
    </r>
    <r>
      <rPr>
        <sz val="10"/>
        <rFont val="仿宋_GB2312"/>
        <charset val="134"/>
      </rPr>
      <t>条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mmPVC</t>
    </r>
    <r>
      <rPr>
        <sz val="10"/>
        <rFont val="仿宋_GB2312"/>
        <charset val="134"/>
      </rPr>
      <t>异形。</t>
    </r>
  </si>
  <si>
    <r>
      <rPr>
        <sz val="10"/>
        <rFont val="仿宋_GB2312"/>
        <charset val="134"/>
      </rPr>
      <t>内容展板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550X1980mm*4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</t>
    </r>
    <r>
      <rPr>
        <sz val="10"/>
        <rFont val="仿宋_GB2312"/>
        <charset val="134"/>
      </rPr>
      <t>面</t>
    </r>
    <r>
      <rPr>
        <sz val="10"/>
        <rFont val="Times New Roman"/>
        <charset val="134"/>
      </rPr>
      <t>3mm</t>
    </r>
    <r>
      <rPr>
        <sz val="10"/>
        <rFont val="仿宋_GB2312"/>
        <charset val="134"/>
      </rPr>
      <t>贴木饰面板。</t>
    </r>
  </si>
  <si>
    <t>新时代文明实践站</t>
  </si>
  <si>
    <r>
      <rPr>
        <sz val="10"/>
        <rFont val="仿宋_GB2312"/>
        <charset val="134"/>
      </rPr>
      <t>立体标语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95X195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4</t>
    </r>
    <r>
      <rPr>
        <sz val="10"/>
        <rFont val="仿宋_GB2312"/>
        <charset val="134"/>
      </rPr>
      <t>个），</t>
    </r>
    <r>
      <rPr>
        <sz val="10"/>
        <rFont val="Times New Roman"/>
        <charset val="134"/>
      </rPr>
      <t>/120*12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9</t>
    </r>
    <r>
      <rPr>
        <sz val="10"/>
        <rFont val="仿宋_GB2312"/>
        <charset val="134"/>
      </rPr>
      <t>个）</t>
    </r>
    <r>
      <rPr>
        <sz val="10"/>
        <rFont val="Times New Roman"/>
        <charset val="134"/>
      </rPr>
      <t xml:space="preserve">
/90*9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7</t>
    </r>
    <r>
      <rPr>
        <sz val="10"/>
        <rFont val="仿宋_GB2312"/>
        <charset val="134"/>
      </rPr>
      <t>个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</t>
    </r>
    <r>
      <rPr>
        <sz val="10"/>
        <rFont val="仿宋_GB2312"/>
        <charset val="134"/>
      </rPr>
      <t>红色</t>
    </r>
    <r>
      <rPr>
        <sz val="10"/>
        <rFont val="Times New Roman"/>
        <charset val="134"/>
      </rPr>
      <t>PVC</t>
    </r>
    <r>
      <rPr>
        <sz val="10"/>
        <rFont val="仿宋_GB2312"/>
        <charset val="134"/>
      </rPr>
      <t>立体字。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3158X583mm/3158*1060mm/104X863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</t>
    </r>
    <r>
      <rPr>
        <sz val="10"/>
        <rFont val="仿宋_GB2312"/>
        <charset val="134"/>
      </rPr>
      <t>、亚克力卡槽</t>
    </r>
    <r>
      <rPr>
        <sz val="10"/>
        <rFont val="Times New Roman"/>
        <charset val="134"/>
      </rPr>
      <t>+</t>
    </r>
    <r>
      <rPr>
        <sz val="10"/>
        <rFont val="仿宋_GB2312"/>
        <charset val="134"/>
      </rPr>
      <t>相片。</t>
    </r>
  </si>
  <si>
    <r>
      <rPr>
        <sz val="10"/>
        <rFont val="仿宋_GB2312"/>
        <charset val="134"/>
      </rPr>
      <t>宣传海报框</t>
    </r>
  </si>
  <si>
    <r>
      <t>1.</t>
    </r>
    <r>
      <rPr>
        <sz val="10"/>
        <rFont val="仿宋_GB2312"/>
        <charset val="134"/>
      </rPr>
      <t>尺寸：：</t>
    </r>
    <r>
      <rPr>
        <sz val="10"/>
        <rFont val="Times New Roman"/>
        <charset val="134"/>
      </rPr>
      <t>670X887mm*2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铝合金边框裱海报。</t>
    </r>
  </si>
  <si>
    <r>
      <rPr>
        <sz val="10"/>
        <rFont val="仿宋_GB2312"/>
        <charset val="134"/>
      </rPr>
      <t>轨道灯光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磁吸轨道灯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暖白色光</t>
    </r>
    <r>
      <rPr>
        <sz val="10"/>
        <rFont val="Times New Roman"/>
        <charset val="134"/>
      </rPr>
      <t>4000K</t>
    </r>
    <r>
      <rPr>
        <sz val="10"/>
        <rFont val="仿宋_GB2312"/>
        <charset val="134"/>
      </rPr>
      <t>磁吸轨道灯、导轨。</t>
    </r>
  </si>
  <si>
    <r>
      <rPr>
        <sz val="10"/>
        <rFont val="仿宋_GB2312"/>
        <charset val="134"/>
      </rPr>
      <t>装饰灯带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宽</t>
    </r>
    <r>
      <rPr>
        <sz val="10"/>
        <rFont val="Times New Roman"/>
        <charset val="134"/>
      </rPr>
      <t>30mm</t>
    </r>
    <r>
      <rPr>
        <sz val="10"/>
        <rFont val="仿宋_GB2312"/>
        <charset val="134"/>
      </rPr>
      <t>铝槽线型灯</t>
    </r>
    <r>
      <rPr>
        <sz val="10"/>
        <rFont val="Times New Roman"/>
        <charset val="134"/>
      </rPr>
      <t>,5.4m</t>
    </r>
    <r>
      <rPr>
        <sz val="10"/>
        <rFont val="宋体"/>
        <charset val="134"/>
      </rPr>
      <t>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LED</t>
    </r>
    <r>
      <rPr>
        <sz val="10"/>
        <rFont val="仿宋_GB2312"/>
        <charset val="134"/>
      </rPr>
      <t>灯带，</t>
    </r>
    <r>
      <rPr>
        <sz val="10"/>
        <rFont val="Times New Roman"/>
        <charset val="134"/>
      </rPr>
      <t>13m</t>
    </r>
    <r>
      <rPr>
        <sz val="10"/>
        <rFont val="宋体"/>
        <charset val="134"/>
      </rPr>
      <t>。</t>
    </r>
  </si>
  <si>
    <t>其他部分</t>
  </si>
  <si>
    <r>
      <rPr>
        <sz val="10"/>
        <rFont val="仿宋_GB2312"/>
        <charset val="134"/>
      </rPr>
      <t>天花美化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天花原顶喷黑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布置面积：</t>
    </r>
    <r>
      <rPr>
        <sz val="10"/>
        <rFont val="Times New Roman"/>
        <charset val="134"/>
      </rPr>
      <t>30580*15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空间氛围</t>
    </r>
  </si>
  <si>
    <r>
      <t>1.</t>
    </r>
    <r>
      <rPr>
        <sz val="10"/>
        <rFont val="仿宋_GB2312"/>
        <charset val="134"/>
      </rPr>
      <t>墙面面层贴木纹碳晶板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布置面积：</t>
    </r>
    <r>
      <rPr>
        <sz val="10"/>
        <rFont val="Times New Roman"/>
        <charset val="134"/>
      </rPr>
      <t>3000*2700mm</t>
    </r>
    <r>
      <rPr>
        <sz val="10"/>
        <rFont val="宋体"/>
        <charset val="134"/>
      </rPr>
      <t>。</t>
    </r>
  </si>
  <si>
    <t>二</t>
  </si>
  <si>
    <t>谈心室</t>
  </si>
  <si>
    <r>
      <t>1.</t>
    </r>
    <r>
      <rPr>
        <sz val="10"/>
        <rFont val="仿宋_GB2312"/>
        <charset val="134"/>
      </rPr>
      <t>墙面喷涂基膜，面贴宣绒布印画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5900*2700mm</t>
    </r>
    <r>
      <rPr>
        <sz val="10"/>
        <rFont val="宋体"/>
        <charset val="134"/>
      </rPr>
      <t>。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600*153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4</t>
    </r>
    <r>
      <rPr>
        <sz val="10"/>
        <rFont val="仿宋_GB2312"/>
        <charset val="134"/>
      </rPr>
      <t>块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PVCuv</t>
    </r>
    <r>
      <rPr>
        <sz val="10"/>
        <rFont val="仿宋_GB2312"/>
        <charset val="134"/>
      </rPr>
      <t>贴木饰面、公告栏部分裱卡槽、磁吸面板。</t>
    </r>
  </si>
  <si>
    <r>
      <rPr>
        <sz val="10"/>
        <rFont val="仿宋_GB2312"/>
        <charset val="134"/>
      </rPr>
      <t>政协委员之家装饰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448*H730mm/1630*510mm/1175*H1350mm</t>
    </r>
    <r>
      <rPr>
        <sz val="10"/>
        <rFont val="仿宋_GB2312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mmPVCUV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心理标语文化墙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30*H13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8</t>
    </r>
    <r>
      <rPr>
        <sz val="10"/>
        <rFont val="仿宋_GB2312"/>
        <charset val="134"/>
      </rPr>
      <t>个），</t>
    </r>
    <r>
      <rPr>
        <sz val="10"/>
        <rFont val="Times New Roman"/>
        <charset val="134"/>
      </rPr>
      <t>1330*830mm</t>
    </r>
    <r>
      <rPr>
        <sz val="10"/>
        <rFont val="仿宋_GB2312"/>
        <charset val="134"/>
      </rPr>
      <t>，</t>
    </r>
    <r>
      <rPr>
        <sz val="10"/>
        <rFont val="Times New Roman"/>
        <charset val="134"/>
      </rPr>
      <t>H913*167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2</t>
    </r>
    <r>
      <rPr>
        <sz val="10"/>
        <rFont val="仿宋_GB2312"/>
        <charset val="134"/>
      </rPr>
      <t>个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</t>
    </r>
    <r>
      <rPr>
        <sz val="10"/>
        <rFont val="仿宋_GB2312"/>
        <charset val="134"/>
      </rPr>
      <t>过晶片封边。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2585*H258mm</t>
    </r>
    <r>
      <rPr>
        <sz val="10"/>
        <rFont val="仿宋_GB2312"/>
        <charset val="134"/>
      </rPr>
      <t>，</t>
    </r>
    <r>
      <rPr>
        <sz val="10"/>
        <rFont val="Times New Roman"/>
        <charset val="134"/>
      </rPr>
      <t>2020*207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</t>
    </r>
    <r>
      <rPr>
        <sz val="10"/>
        <rFont val="仿宋_GB2312"/>
        <charset val="134"/>
      </rPr>
      <t>红色</t>
    </r>
    <r>
      <rPr>
        <sz val="10"/>
        <rFont val="Times New Roman"/>
        <charset val="134"/>
      </rPr>
      <t>PVCUV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建筑造型氛围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6000*H1050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5mmPVCUV</t>
    </r>
    <r>
      <rPr>
        <sz val="10"/>
        <rFont val="宋体"/>
        <charset val="134"/>
      </rPr>
      <t>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长条灯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宽</t>
    </r>
    <r>
      <rPr>
        <sz val="10"/>
        <rFont val="Times New Roman"/>
        <charset val="134"/>
      </rPr>
      <t>70mm*50mm</t>
    </r>
    <r>
      <rPr>
        <sz val="10"/>
        <rFont val="仿宋_GB2312"/>
        <charset val="134"/>
      </rPr>
      <t>定制条形吊灯、</t>
    </r>
    <r>
      <rPr>
        <sz val="10"/>
        <rFont val="Times New Roman"/>
        <charset val="134"/>
      </rPr>
      <t>4000K</t>
    </r>
    <r>
      <rPr>
        <sz val="10"/>
        <rFont val="仿宋_GB2312"/>
        <charset val="134"/>
      </rPr>
      <t>暖白光格栅长条灯。</t>
    </r>
  </si>
  <si>
    <t>m</t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射灯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</t>
    </r>
    <r>
      <rPr>
        <sz val="10"/>
        <rFont val="Times New Roman"/>
        <charset val="134"/>
      </rPr>
      <t>:4000K</t>
    </r>
    <r>
      <rPr>
        <sz val="10"/>
        <rFont val="仿宋_GB2312"/>
        <charset val="134"/>
      </rPr>
      <t>暖白光</t>
    </r>
    <r>
      <rPr>
        <sz val="10"/>
        <rFont val="Times New Roman"/>
        <charset val="134"/>
      </rPr>
      <t>LED</t>
    </r>
    <r>
      <rPr>
        <sz val="10"/>
        <rFont val="仿宋_GB2312"/>
        <charset val="134"/>
      </rPr>
      <t>射灯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宽</t>
    </r>
    <r>
      <rPr>
        <sz val="10"/>
        <rFont val="Times New Roman"/>
        <charset val="134"/>
      </rPr>
      <t>30mm</t>
    </r>
    <r>
      <rPr>
        <sz val="10"/>
        <rFont val="仿宋_GB2312"/>
        <charset val="134"/>
      </rPr>
      <t>铝槽线型灯</t>
    </r>
    <r>
      <rPr>
        <sz val="10"/>
        <rFont val="Times New Roman"/>
        <charset val="134"/>
      </rPr>
      <t>,5.9m</t>
    </r>
    <r>
      <rPr>
        <sz val="10"/>
        <rFont val="宋体"/>
        <charset val="134"/>
      </rPr>
      <t>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LED</t>
    </r>
    <r>
      <rPr>
        <sz val="10"/>
        <rFont val="仿宋_GB2312"/>
        <charset val="134"/>
      </rPr>
      <t>灯带，</t>
    </r>
    <r>
      <rPr>
        <sz val="10"/>
        <rFont val="Times New Roman"/>
        <charset val="134"/>
      </rPr>
      <t>16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空间美化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原天花喷米黄色肌理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布置面积：尺寸</t>
    </r>
    <r>
      <rPr>
        <sz val="10"/>
        <rFont val="Times New Roman"/>
        <charset val="134"/>
      </rPr>
      <t>15050*1500MM</t>
    </r>
    <r>
      <rPr>
        <sz val="10"/>
        <rFont val="宋体"/>
        <charset val="134"/>
      </rPr>
      <t>。</t>
    </r>
  </si>
  <si>
    <t>三</t>
  </si>
  <si>
    <t>居民议事室</t>
  </si>
  <si>
    <t>文化宣传栏</t>
  </si>
  <si>
    <r>
      <t>1.</t>
    </r>
    <r>
      <rPr>
        <sz val="10"/>
        <rFont val="仿宋_GB2312"/>
        <charset val="134"/>
      </rPr>
      <t>墙面喷涂基膜，面贴宣绒布印画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5600*27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居民议事厅展板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570*1530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UV</t>
    </r>
    <r>
      <rPr>
        <sz val="10"/>
        <rFont val="仿宋_GB2312"/>
        <charset val="134"/>
      </rPr>
      <t>、立体字。</t>
    </r>
  </si>
  <si>
    <r>
      <rPr>
        <sz val="10"/>
        <rFont val="仿宋_GB2312"/>
        <charset val="134"/>
      </rPr>
      <t>建筑装饰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5550*1100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mmPVC</t>
    </r>
    <r>
      <rPr>
        <sz val="10"/>
        <rFont val="宋体"/>
        <charset val="134"/>
      </rPr>
      <t>。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570*1320mm</t>
    </r>
    <r>
      <rPr>
        <sz val="10"/>
        <rFont val="仿宋_GB2312"/>
        <charset val="134"/>
      </rPr>
      <t>；</t>
    </r>
    <r>
      <rPr>
        <sz val="10"/>
        <rFont val="Times New Roman"/>
        <charset val="134"/>
      </rPr>
      <t>4</t>
    </r>
    <r>
      <rPr>
        <sz val="10"/>
        <rFont val="仿宋_GB2312"/>
        <charset val="134"/>
      </rPr>
      <t>项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mmPVC</t>
    </r>
    <r>
      <rPr>
        <sz val="10"/>
        <rFont val="仿宋_GB2312"/>
        <charset val="134"/>
      </rPr>
      <t>面贴木饰面板、立体字、卡槽。</t>
    </r>
  </si>
  <si>
    <t>民主文化墙</t>
  </si>
  <si>
    <r>
      <rPr>
        <sz val="10"/>
        <rFont val="仿宋_GB2312"/>
        <charset val="134"/>
      </rPr>
      <t>装饰格栅</t>
    </r>
  </si>
  <si>
    <r>
      <t>1.</t>
    </r>
    <r>
      <rPr>
        <sz val="10"/>
        <rFont val="仿宋_GB2312"/>
        <charset val="134"/>
      </rPr>
      <t>墙面贴铝方通木纹格栅；</t>
    </r>
    <r>
      <rPr>
        <sz val="10"/>
        <rFont val="Times New Roman"/>
        <charset val="134"/>
      </rPr>
      <t xml:space="preserve">
3.</t>
    </r>
    <r>
      <rPr>
        <sz val="10"/>
        <rFont val="仿宋_GB2312"/>
        <charset val="134"/>
      </rPr>
      <t>布置面积：</t>
    </r>
    <r>
      <rPr>
        <sz val="10"/>
        <rFont val="Times New Roman"/>
        <charset val="134"/>
      </rPr>
      <t>1400*27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民主文化展板、制造装饰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520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825*825mm/494*494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2</t>
    </r>
    <r>
      <rPr>
        <sz val="10"/>
        <rFont val="仿宋_GB2312"/>
        <charset val="134"/>
      </rPr>
      <t>个）</t>
    </r>
    <r>
      <rPr>
        <sz val="10"/>
        <rFont val="Times New Roman"/>
        <charset val="134"/>
      </rPr>
      <t>646*646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</t>
    </r>
    <r>
      <rPr>
        <sz val="10"/>
        <rFont val="仿宋_GB2312"/>
        <charset val="134"/>
      </rPr>
      <t>镂空封边、面贴金属膜。</t>
    </r>
  </si>
  <si>
    <r>
      <rPr>
        <sz val="10"/>
        <rFont val="仿宋_GB2312"/>
        <charset val="134"/>
      </rPr>
      <t>心愿文化墙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650*1150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</t>
    </r>
    <r>
      <rPr>
        <sz val="10"/>
        <rFont val="仿宋_GB2312"/>
        <charset val="134"/>
      </rPr>
      <t>、立体字、定制邮箱。</t>
    </r>
  </si>
  <si>
    <t>共助空间文化墙</t>
  </si>
  <si>
    <r>
      <t>1.</t>
    </r>
    <r>
      <rPr>
        <sz val="10"/>
        <rFont val="仿宋_GB2312"/>
        <charset val="134"/>
      </rPr>
      <t>尺寸：：</t>
    </r>
    <r>
      <rPr>
        <sz val="10"/>
        <rFont val="Times New Roman"/>
        <charset val="134"/>
      </rPr>
      <t>400X600mm*4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铝合金边框裱海报。</t>
    </r>
  </si>
  <si>
    <r>
      <rPr>
        <sz val="10"/>
        <rFont val="仿宋_GB2312"/>
        <charset val="134"/>
      </rPr>
      <t>共助空间标识</t>
    </r>
  </si>
  <si>
    <r>
      <t>1.</t>
    </r>
    <r>
      <rPr>
        <sz val="10"/>
        <rFont val="仿宋_GB2312"/>
        <charset val="134"/>
      </rPr>
      <t>尺寸：直径</t>
    </r>
    <r>
      <rPr>
        <sz val="10"/>
        <rFont val="Times New Roman"/>
        <charset val="134"/>
      </rPr>
      <t>400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H135*135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4</t>
    </r>
    <r>
      <rPr>
        <sz val="10"/>
        <rFont val="仿宋_GB2312"/>
        <charset val="134"/>
      </rPr>
      <t>个）、</t>
    </r>
    <r>
      <rPr>
        <sz val="10"/>
        <rFont val="Times New Roman"/>
        <charset val="134"/>
      </rPr>
      <t>H40*4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15</t>
    </r>
    <r>
      <rPr>
        <sz val="10"/>
        <rFont val="仿宋_GB2312"/>
        <charset val="134"/>
      </rPr>
      <t>个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UV</t>
    </r>
    <r>
      <rPr>
        <sz val="10"/>
        <rFont val="仿宋_GB2312"/>
        <charset val="134"/>
      </rPr>
      <t>、立体字。</t>
    </r>
  </si>
  <si>
    <t>灯具</t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条形吊灯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宽</t>
    </r>
    <r>
      <rPr>
        <sz val="10"/>
        <rFont val="Times New Roman"/>
        <charset val="134"/>
      </rPr>
      <t>70mm*50mm</t>
    </r>
    <r>
      <rPr>
        <sz val="10"/>
        <rFont val="仿宋_GB2312"/>
        <charset val="134"/>
      </rPr>
      <t>定制条形吊灯、</t>
    </r>
    <r>
      <rPr>
        <sz val="10"/>
        <rFont val="Times New Roman"/>
        <charset val="134"/>
      </rPr>
      <t>4000K</t>
    </r>
    <r>
      <rPr>
        <sz val="10"/>
        <rFont val="仿宋_GB2312"/>
        <charset val="134"/>
      </rPr>
      <t>暖白光格栅长条灯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宽</t>
    </r>
    <r>
      <rPr>
        <sz val="10"/>
        <rFont val="Times New Roman"/>
        <charset val="134"/>
      </rPr>
      <t>30mm</t>
    </r>
    <r>
      <rPr>
        <sz val="10"/>
        <rFont val="仿宋_GB2312"/>
        <charset val="134"/>
      </rPr>
      <t>铝槽线型灯</t>
    </r>
    <r>
      <rPr>
        <sz val="10"/>
        <rFont val="Times New Roman"/>
        <charset val="134"/>
      </rPr>
      <t>,9.28m</t>
    </r>
    <r>
      <rPr>
        <sz val="10"/>
        <rFont val="宋体"/>
        <charset val="134"/>
      </rPr>
      <t>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LED</t>
    </r>
    <r>
      <rPr>
        <sz val="10"/>
        <rFont val="仿宋_GB2312"/>
        <charset val="134"/>
      </rPr>
      <t>灯带</t>
    </r>
    <r>
      <rPr>
        <sz val="10"/>
        <rFont val="Times New Roman"/>
        <charset val="134"/>
      </rPr>
      <t>,31m</t>
    </r>
    <r>
      <rPr>
        <sz val="10"/>
        <rFont val="宋体"/>
        <charset val="134"/>
      </rPr>
      <t>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定制推拉木门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</t>
    </r>
    <r>
      <rPr>
        <sz val="10"/>
        <rFont val="Times New Roman"/>
        <charset val="134"/>
      </rPr>
      <t>:2000*24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定制屏风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活动屏风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</t>
    </r>
    <r>
      <rPr>
        <sz val="10"/>
        <rFont val="Times New Roman"/>
        <charset val="134"/>
      </rPr>
      <t>:5600*H2700mm</t>
    </r>
    <r>
      <rPr>
        <sz val="10"/>
        <rFont val="宋体"/>
        <charset val="134"/>
      </rPr>
      <t>。</t>
    </r>
  </si>
  <si>
    <t>四</t>
  </si>
  <si>
    <t>走廊及阅读长廊</t>
  </si>
  <si>
    <t>旭景社区简介文化墙</t>
  </si>
  <si>
    <r>
      <t>1.</t>
    </r>
    <r>
      <rPr>
        <sz val="10"/>
        <rFont val="仿宋_GB2312"/>
        <charset val="134"/>
      </rPr>
      <t>墙面喷涂基膜，面贴宣绒布印画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0730*27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社区文化展板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532*H1500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1030*H470mm,820*820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520*H79mm,345*79mm,174*160mm(6</t>
    </r>
    <r>
      <rPr>
        <sz val="10"/>
        <rFont val="仿宋_GB2312"/>
        <charset val="134"/>
      </rPr>
      <t>个）</t>
    </r>
    <r>
      <rPr>
        <sz val="10"/>
        <rFont val="Times New Roman"/>
        <charset val="134"/>
      </rPr>
      <t>,200*200mm(6</t>
    </r>
    <r>
      <rPr>
        <sz val="10"/>
        <rFont val="仿宋_GB2312"/>
        <charset val="134"/>
      </rPr>
      <t>个）、</t>
    </r>
    <r>
      <rPr>
        <sz val="10"/>
        <rFont val="Times New Roman"/>
        <charset val="134"/>
      </rPr>
      <t>1300*H1250mm</t>
    </r>
    <r>
      <rPr>
        <sz val="10"/>
        <rFont val="仿宋_GB2312"/>
        <charset val="134"/>
      </rPr>
      <t>，</t>
    </r>
    <r>
      <rPr>
        <sz val="10"/>
        <rFont val="Times New Roman"/>
        <charset val="134"/>
      </rPr>
      <t>1580*280mm,350*238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10</t>
    </r>
    <r>
      <rPr>
        <sz val="10"/>
        <rFont val="仿宋_GB2312"/>
        <charset val="134"/>
      </rPr>
      <t>个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</t>
    </r>
    <r>
      <rPr>
        <sz val="10"/>
        <rFont val="仿宋_GB2312"/>
        <charset val="134"/>
      </rPr>
      <t>、面贴木饰面板、亚克力</t>
    </r>
    <r>
      <rPr>
        <sz val="10"/>
        <rFont val="Times New Roman"/>
        <charset val="134"/>
      </rPr>
      <t>uv</t>
    </r>
    <r>
      <rPr>
        <sz val="10"/>
        <rFont val="仿宋_GB2312"/>
        <charset val="134"/>
      </rPr>
      <t>、磁吸贴照片墙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长条灯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</t>
    </r>
    <r>
      <rPr>
        <sz val="10"/>
        <rFont val="Times New Roman"/>
        <charset val="134"/>
      </rPr>
      <t>:1500*40mm</t>
    </r>
    <r>
      <rPr>
        <sz val="10"/>
        <rFont val="仿宋_GB2312"/>
        <charset val="134"/>
      </rPr>
      <t>；</t>
    </r>
    <r>
      <rPr>
        <sz val="10"/>
        <rFont val="Times New Roman"/>
        <charset val="134"/>
      </rPr>
      <t>4000K</t>
    </r>
    <r>
      <rPr>
        <sz val="10"/>
        <rFont val="仿宋_GB2312"/>
        <charset val="134"/>
      </rPr>
      <t>暖白光格栅长条灯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筒灯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</t>
    </r>
    <r>
      <rPr>
        <sz val="10"/>
        <rFont val="Times New Roman"/>
        <charset val="134"/>
      </rPr>
      <t>:4000K</t>
    </r>
    <r>
      <rPr>
        <sz val="10"/>
        <rFont val="仿宋_GB2312"/>
        <charset val="134"/>
      </rPr>
      <t>暖白光</t>
    </r>
    <r>
      <rPr>
        <sz val="10"/>
        <rFont val="Times New Roman"/>
        <charset val="134"/>
      </rPr>
      <t>LED</t>
    </r>
    <r>
      <rPr>
        <sz val="10"/>
        <rFont val="仿宋_GB2312"/>
        <charset val="134"/>
      </rPr>
      <t>筒灯。</t>
    </r>
  </si>
  <si>
    <r>
      <rPr>
        <sz val="10"/>
        <rFont val="仿宋_GB2312"/>
        <charset val="134"/>
      </rPr>
      <t>氛围灯带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宽</t>
    </r>
    <r>
      <rPr>
        <sz val="10"/>
        <rFont val="Times New Roman"/>
        <charset val="134"/>
      </rPr>
      <t>30mm</t>
    </r>
    <r>
      <rPr>
        <sz val="10"/>
        <rFont val="仿宋_GB2312"/>
        <charset val="134"/>
      </rPr>
      <t>铝槽线型灯，</t>
    </r>
    <r>
      <rPr>
        <sz val="10"/>
        <rFont val="Times New Roman"/>
        <charset val="134"/>
      </rPr>
      <t>15.14m</t>
    </r>
    <r>
      <rPr>
        <sz val="10"/>
        <rFont val="宋体"/>
        <charset val="134"/>
      </rPr>
      <t>。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天花原顶喷黑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布置尺寸：</t>
    </r>
    <r>
      <rPr>
        <sz val="10"/>
        <rFont val="Times New Roman"/>
        <charset val="134"/>
      </rPr>
      <t>26850*1500mm</t>
    </r>
    <r>
      <rPr>
        <sz val="10"/>
        <rFont val="宋体"/>
        <charset val="134"/>
      </rPr>
      <t>。</t>
    </r>
  </si>
  <si>
    <t>五</t>
  </si>
  <si>
    <t>会议室</t>
  </si>
  <si>
    <t>广告</t>
  </si>
  <si>
    <r>
      <t>1.</t>
    </r>
    <r>
      <rPr>
        <sz val="10"/>
        <rFont val="仿宋_GB2312"/>
        <charset val="134"/>
      </rPr>
      <t>墙面喷涂基膜，面贴宣绒布印画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8180*27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入党誓词展墙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1230*1350mm</t>
    </r>
    <r>
      <rPr>
        <sz val="10"/>
        <rFont val="仿宋_GB2312"/>
        <charset val="134"/>
      </rPr>
      <t>；</t>
    </r>
    <r>
      <rPr>
        <sz val="10"/>
        <rFont val="Times New Roman"/>
        <charset val="134"/>
      </rPr>
      <t>1340*135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4</t>
    </r>
    <r>
      <rPr>
        <sz val="10"/>
        <rFont val="仿宋_GB2312"/>
        <charset val="134"/>
      </rPr>
      <t>块）、直径</t>
    </r>
    <r>
      <rPr>
        <sz val="10"/>
        <rFont val="Times New Roman"/>
        <charset val="134"/>
      </rPr>
      <t>75mm</t>
    </r>
    <r>
      <rPr>
        <sz val="10"/>
        <rFont val="仿宋_GB2312"/>
        <charset val="134"/>
      </rPr>
      <t>立体字、</t>
    </r>
    <r>
      <rPr>
        <sz val="10"/>
        <rFont val="Times New Roman"/>
        <charset val="134"/>
      </rPr>
      <t>960*273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960*640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</t>
    </r>
    <r>
      <rPr>
        <sz val="10"/>
        <rFont val="仿宋_GB2312"/>
        <charset val="134"/>
      </rPr>
      <t>过晶片封边、立体字。</t>
    </r>
  </si>
  <si>
    <r>
      <rPr>
        <sz val="10"/>
        <rFont val="仿宋_GB2312"/>
        <charset val="134"/>
      </rPr>
      <t>木饰标语展板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375*1350mm</t>
    </r>
    <r>
      <rPr>
        <sz val="10"/>
        <rFont val="仿宋_GB2312"/>
        <charset val="134"/>
      </rPr>
      <t>（</t>
    </r>
    <r>
      <rPr>
        <sz val="10"/>
        <rFont val="Times New Roman"/>
        <charset val="134"/>
      </rPr>
      <t>2</t>
    </r>
    <r>
      <rPr>
        <sz val="10"/>
        <rFont val="仿宋_GB2312"/>
        <charset val="134"/>
      </rPr>
      <t>块</t>
    </r>
    <r>
      <rPr>
        <sz val="10"/>
        <rFont val="Times New Roman"/>
        <charset val="134"/>
      </rPr>
      <t>)/316*1360mm(2</t>
    </r>
    <r>
      <rPr>
        <sz val="10"/>
        <rFont val="仿宋_GB2312"/>
        <charset val="134"/>
      </rPr>
      <t>块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10mmPVC</t>
    </r>
    <r>
      <rPr>
        <sz val="10"/>
        <rFont val="仿宋_GB2312"/>
        <charset val="134"/>
      </rPr>
      <t>面贴木饰面镂空、立体字。</t>
    </r>
  </si>
  <si>
    <r>
      <rPr>
        <sz val="10"/>
        <rFont val="仿宋_GB2312"/>
        <charset val="134"/>
      </rPr>
      <t>山云装饰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2390*448mm/1720*236mm/1520*245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5mmPVC</t>
    </r>
    <r>
      <rPr>
        <sz val="10"/>
        <rFont val="仿宋_GB2312"/>
        <charset val="134"/>
      </rPr>
      <t>镂空。</t>
    </r>
  </si>
  <si>
    <r>
      <rPr>
        <sz val="10"/>
        <rFont val="仿宋_GB2312"/>
        <charset val="134"/>
      </rPr>
      <t>扇灯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光风扇灯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</t>
    </r>
    <r>
      <rPr>
        <sz val="10"/>
        <rFont val="Times New Roman"/>
        <charset val="134"/>
      </rPr>
      <t>:4000K</t>
    </r>
    <r>
      <rPr>
        <sz val="10"/>
        <rFont val="仿宋_GB2312"/>
        <charset val="134"/>
      </rPr>
      <t>暖白光风扇灯。</t>
    </r>
  </si>
  <si>
    <r>
      <t>空间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名称</t>
    </r>
    <r>
      <rPr>
        <sz val="10"/>
        <rFont val="Times New Roman"/>
        <charset val="134"/>
      </rPr>
      <t>:</t>
    </r>
    <r>
      <rPr>
        <sz val="10"/>
        <rFont val="仿宋_GB2312"/>
        <charset val="134"/>
      </rPr>
      <t>活动屏风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尺寸</t>
    </r>
    <r>
      <rPr>
        <sz val="10"/>
        <rFont val="Times New Roman"/>
        <charset val="134"/>
      </rPr>
      <t>:7480*2780mm</t>
    </r>
    <r>
      <rPr>
        <sz val="10"/>
        <rFont val="宋体"/>
        <charset val="134"/>
      </rPr>
      <t>。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轻钢龙骨、吊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天花吊格栅：间距</t>
    </r>
    <r>
      <rPr>
        <sz val="10"/>
        <rFont val="Times New Roman"/>
        <charset val="134"/>
      </rPr>
      <t>50mm,50*80</t>
    </r>
    <r>
      <rPr>
        <sz val="10"/>
        <rFont val="仿宋_GB2312"/>
        <charset val="134"/>
      </rPr>
      <t>木纹格栅。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天花原顶喷黑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布置尺寸：</t>
    </r>
    <r>
      <rPr>
        <sz val="10"/>
        <rFont val="Times New Roman"/>
        <charset val="134"/>
      </rPr>
      <t>18100*1500mm</t>
    </r>
    <r>
      <rPr>
        <sz val="10"/>
        <rFont val="宋体"/>
        <charset val="134"/>
      </rPr>
      <t>。</t>
    </r>
  </si>
  <si>
    <r>
      <rPr>
        <sz val="10"/>
        <rFont val="仿宋_GB2312"/>
        <charset val="134"/>
      </rPr>
      <t>氛围装饰板</t>
    </r>
  </si>
  <si>
    <r>
      <t>墙面面层贴护墙板、含</t>
    </r>
    <r>
      <rPr>
        <sz val="10"/>
        <rFont val="Times New Roman"/>
        <charset val="134"/>
      </rPr>
      <t>4</t>
    </r>
    <r>
      <rPr>
        <sz val="10"/>
        <rFont val="仿宋_GB2312"/>
        <charset val="134"/>
      </rPr>
      <t>条纵向藏光灯带。</t>
    </r>
  </si>
  <si>
    <r>
      <rPr>
        <sz val="10"/>
        <rFont val="仿宋_GB2312"/>
        <charset val="134"/>
      </rPr>
      <t>挂画</t>
    </r>
  </si>
  <si>
    <r>
      <t>1.</t>
    </r>
    <r>
      <rPr>
        <sz val="10"/>
        <rFont val="仿宋_GB2312"/>
        <charset val="134"/>
      </rPr>
      <t>挂件：</t>
    </r>
    <r>
      <rPr>
        <sz val="10"/>
        <rFont val="Times New Roman"/>
        <charset val="134"/>
      </rPr>
      <t>2m</t>
    </r>
    <r>
      <rPr>
        <sz val="10"/>
        <rFont val="仿宋_GB2312"/>
        <charset val="134"/>
      </rPr>
      <t>钢丝绳</t>
    </r>
    <r>
      <rPr>
        <sz val="10"/>
        <rFont val="Times New Roman"/>
        <charset val="134"/>
      </rPr>
      <t>1</t>
    </r>
    <r>
      <rPr>
        <sz val="10"/>
        <rFont val="仿宋_GB2312"/>
        <charset val="134"/>
      </rPr>
      <t>钩（挂</t>
    </r>
    <r>
      <rPr>
        <sz val="10"/>
        <rFont val="Times New Roman"/>
        <charset val="134"/>
      </rPr>
      <t>24</t>
    </r>
    <r>
      <rPr>
        <sz val="10"/>
        <rFont val="仿宋_GB2312"/>
        <charset val="134"/>
      </rPr>
      <t>副）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轨道：</t>
    </r>
    <r>
      <rPr>
        <sz val="10"/>
        <rFont val="Times New Roman"/>
        <charset val="134"/>
      </rPr>
      <t>25*10*12mm L</t>
    </r>
    <r>
      <rPr>
        <sz val="10"/>
        <rFont val="仿宋_GB2312"/>
        <charset val="134"/>
      </rPr>
      <t>型</t>
    </r>
    <r>
      <rPr>
        <sz val="10"/>
        <rFont val="Times New Roman"/>
        <charset val="134"/>
      </rPr>
      <t xml:space="preserve"> </t>
    </r>
    <r>
      <rPr>
        <sz val="10"/>
        <rFont val="仿宋_GB2312"/>
        <charset val="134"/>
      </rPr>
      <t>烤漆白（长度</t>
    </r>
    <r>
      <rPr>
        <sz val="10"/>
        <rFont val="Times New Roman"/>
        <charset val="134"/>
      </rPr>
      <t>7950mm)</t>
    </r>
    <r>
      <rPr>
        <sz val="10"/>
        <rFont val="宋体"/>
        <charset val="134"/>
      </rPr>
      <t>。</t>
    </r>
  </si>
  <si>
    <t>六</t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墙面管焊接造型</t>
    </r>
    <r>
      <rPr>
        <sz val="10"/>
        <rFont val="Times New Roman"/>
        <charset val="134"/>
      </rPr>
      <t>+</t>
    </r>
    <r>
      <rPr>
        <sz val="10"/>
        <rFont val="仿宋_GB2312"/>
        <charset val="134"/>
      </rPr>
      <t>基层</t>
    </r>
    <r>
      <rPr>
        <sz val="10"/>
        <rFont val="Times New Roman"/>
        <charset val="134"/>
      </rPr>
      <t>9mm</t>
    </r>
    <r>
      <rPr>
        <sz val="10"/>
        <rFont val="仿宋_GB2312"/>
        <charset val="134"/>
      </rPr>
      <t>难燃胶合板打底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墙面面层贴红色铝塑板、侧藏</t>
    </r>
    <r>
      <rPr>
        <sz val="10"/>
        <rFont val="Times New Roman"/>
        <charset val="134"/>
      </rPr>
      <t>50mm</t>
    </r>
    <r>
      <rPr>
        <sz val="10"/>
        <rFont val="仿宋_GB2312"/>
        <charset val="134"/>
      </rPr>
      <t>宽亚克力发光灯带。</t>
    </r>
  </si>
  <si>
    <r>
      <rPr>
        <sz val="10"/>
        <rFont val="仿宋_GB2312"/>
        <charset val="134"/>
      </rPr>
      <t>门面框架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墙面背面角铁焊接钢架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墙面面层焊接挂件安装白色冲孔板，折弯处理。</t>
    </r>
  </si>
  <si>
    <t>边框</t>
  </si>
  <si>
    <r>
      <t>造型结构配套</t>
    </r>
    <r>
      <rPr>
        <sz val="10"/>
        <rFont val="Times New Roman"/>
        <charset val="134"/>
      </rPr>
      <t>:
1.12</t>
    </r>
    <r>
      <rPr>
        <sz val="10"/>
        <rFont val="仿宋_GB2312"/>
        <charset val="134"/>
      </rPr>
      <t>厘阻燃夹板做暗藏灯槽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灯槽封</t>
    </r>
    <r>
      <rPr>
        <sz val="10"/>
        <rFont val="Times New Roman"/>
        <charset val="134"/>
      </rPr>
      <t>120mm</t>
    </r>
    <r>
      <rPr>
        <sz val="10"/>
        <rFont val="仿宋_GB2312"/>
        <charset val="134"/>
      </rPr>
      <t>宽定制红色烤漆金属槽。</t>
    </r>
  </si>
  <si>
    <r>
      <rPr>
        <sz val="10"/>
        <rFont val="仿宋_GB2312"/>
        <charset val="134"/>
      </rPr>
      <t>墙面美化</t>
    </r>
  </si>
  <si>
    <r>
      <t>造型结构配套</t>
    </r>
    <r>
      <rPr>
        <sz val="10"/>
        <rFont val="Times New Roman"/>
        <charset val="134"/>
      </rPr>
      <t>:
1.</t>
    </r>
    <r>
      <rPr>
        <sz val="10"/>
        <rFont val="仿宋_GB2312"/>
        <charset val="134"/>
      </rPr>
      <t>原墙面喷涂外墙漆。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隔断：</t>
    </r>
    <r>
      <rPr>
        <sz val="10"/>
        <rFont val="Times New Roman"/>
        <charset val="134"/>
      </rPr>
      <t>2550*2600mm</t>
    </r>
    <r>
      <rPr>
        <sz val="10"/>
        <rFont val="仿宋_GB2312"/>
        <charset val="134"/>
      </rPr>
      <t>、钢化玻璃隔断含不锈钢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双开门：</t>
    </r>
    <r>
      <rPr>
        <sz val="10"/>
        <rFont val="Times New Roman"/>
        <charset val="134"/>
      </rPr>
      <t>1200*2600mm</t>
    </r>
    <r>
      <rPr>
        <sz val="10"/>
        <rFont val="仿宋_GB2312"/>
        <charset val="134"/>
      </rPr>
      <t>、钢化玻璃门含不锈钢门套。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规格：</t>
    </r>
    <r>
      <rPr>
        <sz val="10"/>
        <rFont val="Times New Roman"/>
        <charset val="134"/>
      </rPr>
      <t>1500*2400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制安卷闸门含边框（电动）。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轻钢龙骨、吊杆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天花吊顶硅钙板。</t>
    </r>
  </si>
  <si>
    <r>
      <t>造型结构配套：</t>
    </r>
    <r>
      <rPr>
        <sz val="10"/>
        <rFont val="Times New Roman"/>
        <charset val="134"/>
      </rPr>
      <t xml:space="preserve">
1.</t>
    </r>
    <r>
      <rPr>
        <sz val="10"/>
        <rFont val="仿宋_GB2312"/>
        <charset val="134"/>
      </rPr>
      <t>天花吊顶刮腻子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天花吊顶刷漆。</t>
    </r>
  </si>
  <si>
    <r>
      <rPr>
        <sz val="10"/>
        <rFont val="仿宋_GB2312"/>
        <charset val="134"/>
      </rPr>
      <t>烤漆广告字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LOGO</t>
    </r>
    <r>
      <rPr>
        <sz val="10"/>
        <rFont val="仿宋_GB2312"/>
        <charset val="134"/>
      </rPr>
      <t>直径</t>
    </r>
    <r>
      <rPr>
        <sz val="10"/>
        <rFont val="Times New Roman"/>
        <charset val="134"/>
      </rPr>
      <t>460mm*1</t>
    </r>
    <r>
      <rPr>
        <sz val="10"/>
        <rFont val="仿宋_GB2312"/>
        <charset val="134"/>
      </rPr>
      <t>个；中文</t>
    </r>
    <r>
      <rPr>
        <sz val="10"/>
        <rFont val="Times New Roman"/>
        <charset val="134"/>
      </rPr>
      <t>H210mm*10</t>
    </r>
    <r>
      <rPr>
        <sz val="10"/>
        <rFont val="仿宋_GB2312"/>
        <charset val="134"/>
      </rPr>
      <t>个，英文</t>
    </r>
    <r>
      <rPr>
        <sz val="10"/>
        <rFont val="Times New Roman"/>
        <charset val="134"/>
      </rPr>
      <t>H120*10</t>
    </r>
    <r>
      <rPr>
        <sz val="10"/>
        <rFont val="仿宋_GB2312"/>
        <charset val="134"/>
      </rPr>
      <t>个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烤漆广告字，背面白色烤漆金属支架固定。</t>
    </r>
  </si>
  <si>
    <r>
      <rPr>
        <sz val="10"/>
        <rFont val="仿宋_GB2312"/>
        <charset val="134"/>
      </rPr>
      <t>社区牌匾</t>
    </r>
  </si>
  <si>
    <r>
      <t>1.</t>
    </r>
    <r>
      <rPr>
        <sz val="10"/>
        <rFont val="仿宋_GB2312"/>
        <charset val="134"/>
      </rPr>
      <t>尺寸：</t>
    </r>
    <r>
      <rPr>
        <sz val="10"/>
        <rFont val="Times New Roman"/>
        <charset val="134"/>
      </rPr>
      <t>560*266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 xml:space="preserve">560*380mm 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 xml:space="preserve">418*304mm 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 xml:space="preserve">
418*303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 xml:space="preserve"> 439*154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 xml:space="preserve"> 439*190mm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 xml:space="preserve"> 439*178mm</t>
    </r>
    <r>
      <rPr>
        <sz val="10"/>
        <rFont val="宋体"/>
        <charset val="134"/>
      </rPr>
      <t>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</t>
    </r>
    <r>
      <rPr>
        <sz val="10"/>
        <rFont val="Times New Roman"/>
        <charset val="134"/>
      </rPr>
      <t>8+3</t>
    </r>
    <r>
      <rPr>
        <sz val="10"/>
        <rFont val="仿宋_GB2312"/>
        <charset val="134"/>
      </rPr>
      <t>水晶版、金属。</t>
    </r>
  </si>
  <si>
    <r>
      <rPr>
        <sz val="10"/>
        <rFont val="仿宋_GB2312"/>
        <charset val="134"/>
      </rPr>
      <t>金属定制指示立牌</t>
    </r>
  </si>
  <si>
    <r>
      <t>1.</t>
    </r>
    <r>
      <rPr>
        <sz val="10"/>
        <rFont val="仿宋_GB2312"/>
        <charset val="134"/>
      </rPr>
      <t>尺寸：立牌</t>
    </r>
    <r>
      <rPr>
        <sz val="10"/>
        <rFont val="Times New Roman"/>
        <charset val="134"/>
      </rPr>
      <t>560*180*H2000</t>
    </r>
    <r>
      <rPr>
        <sz val="10"/>
        <rFont val="仿宋_GB2312"/>
        <charset val="134"/>
      </rPr>
      <t>、</t>
    </r>
    <r>
      <rPr>
        <sz val="10"/>
        <rFont val="Times New Roman"/>
        <charset val="134"/>
      </rPr>
      <t>LOGO</t>
    </r>
    <r>
      <rPr>
        <sz val="10"/>
        <rFont val="仿宋_GB2312"/>
        <charset val="134"/>
      </rPr>
      <t>直径</t>
    </r>
    <r>
      <rPr>
        <sz val="10"/>
        <rFont val="Times New Roman"/>
        <charset val="134"/>
      </rPr>
      <t>460mm*1</t>
    </r>
    <r>
      <rPr>
        <sz val="10"/>
        <rFont val="仿宋_GB2312"/>
        <charset val="134"/>
      </rPr>
      <t>个；中文</t>
    </r>
    <r>
      <rPr>
        <sz val="10"/>
        <rFont val="Times New Roman"/>
        <charset val="134"/>
      </rPr>
      <t>H210mm*10</t>
    </r>
    <r>
      <rPr>
        <sz val="10"/>
        <rFont val="仿宋_GB2312"/>
        <charset val="134"/>
      </rPr>
      <t>个，英文</t>
    </r>
    <r>
      <rPr>
        <sz val="10"/>
        <rFont val="Times New Roman"/>
        <charset val="134"/>
      </rPr>
      <t>H120*10</t>
    </r>
    <r>
      <rPr>
        <sz val="10"/>
        <rFont val="仿宋_GB2312"/>
        <charset val="134"/>
      </rPr>
      <t>个；</t>
    </r>
    <r>
      <rPr>
        <sz val="10"/>
        <rFont val="Times New Roman"/>
        <charset val="134"/>
      </rPr>
      <t xml:space="preserve">
2.</t>
    </r>
    <r>
      <rPr>
        <sz val="10"/>
        <rFont val="仿宋_GB2312"/>
        <charset val="134"/>
      </rPr>
      <t>材质：金属定制指示立牌、</t>
    </r>
    <r>
      <rPr>
        <sz val="10"/>
        <rFont val="Times New Roman"/>
        <charset val="134"/>
      </rPr>
      <t>8mm</t>
    </r>
    <r>
      <rPr>
        <sz val="10"/>
        <rFont val="仿宋_GB2312"/>
        <charset val="134"/>
      </rPr>
      <t>厚金属字。</t>
    </r>
  </si>
</sst>
</file>

<file path=xl/styles.xml><?xml version="1.0" encoding="utf-8"?>
<styleSheet xmlns="http://schemas.openxmlformats.org/spreadsheetml/2006/main">
  <numFmts count="7">
    <numFmt numFmtId="41" formatCode="_ * #,##0_ ;_ * \-#,##0_ ;_ * &quot;-&quot;_ ;_ @_ "/>
    <numFmt numFmtId="42" formatCode="_ &quot;￥&quot;* #,##0_ ;_ &quot;￥&quot;* \-#,##0_ ;_ &quot;￥&quot;* &quot;-&quot;_ ;_ @_ "/>
    <numFmt numFmtId="43" formatCode="_ * #,##0.00_ ;_ * \-#,##0.00_ ;_ * &quot;-&quot;??_ ;_ @_ "/>
    <numFmt numFmtId="44" formatCode="_ &quot;￥&quot;* #,##0.00_ ;_ &quot;￥&quot;* \-#,##0.00_ ;_ &quot;￥&quot;* &quot;-&quot;??_ ;_ @_ "/>
    <numFmt numFmtId="176" formatCode="0.00_ "/>
    <numFmt numFmtId="177" formatCode="0.00_);[Red]\(0.00\)"/>
    <numFmt numFmtId="178" formatCode="[DBNum2][$RMB]General;[Red][DBNum2][$RMB]General"/>
  </numFmts>
  <fonts count="48">
    <font>
      <sz val="9"/>
      <color indexed="8"/>
      <name val="宋体"/>
      <charset val="134"/>
    </font>
    <font>
      <sz val="9"/>
      <name val="宋体"/>
      <charset val="134"/>
    </font>
    <font>
      <sz val="9"/>
      <name val="Times New Roman"/>
      <charset val="134"/>
    </font>
    <font>
      <sz val="10"/>
      <name val="黑体"/>
      <charset val="134"/>
    </font>
    <font>
      <sz val="9"/>
      <name val="黑体"/>
      <charset val="134"/>
    </font>
    <font>
      <sz val="9"/>
      <name val="楷体_GB2312"/>
      <charset val="134"/>
    </font>
    <font>
      <sz val="9"/>
      <name val="宋体"/>
      <charset val="134"/>
      <scheme val="minor"/>
    </font>
    <font>
      <sz val="10"/>
      <name val="宋体"/>
      <charset val="134"/>
    </font>
    <font>
      <sz val="10"/>
      <name val="宋体"/>
      <charset val="134"/>
      <scheme val="minor"/>
    </font>
    <font>
      <sz val="18"/>
      <name val="方正小标宋_GBK"/>
      <charset val="134"/>
    </font>
    <font>
      <sz val="10"/>
      <name val="Times New Roman"/>
      <charset val="134"/>
    </font>
    <font>
      <sz val="10"/>
      <name val="楷体_GB2312"/>
      <charset val="134"/>
    </font>
    <font>
      <sz val="10"/>
      <name val="仿宋_GB2312"/>
      <charset val="134"/>
    </font>
    <font>
      <b/>
      <sz val="10"/>
      <name val="宋体"/>
      <charset val="134"/>
    </font>
    <font>
      <sz val="9"/>
      <color rgb="FFFF0000"/>
      <name val="楷体_GB2312"/>
      <charset val="134"/>
    </font>
    <font>
      <b/>
      <sz val="20"/>
      <color theme="1"/>
      <name val="宋体"/>
      <charset val="134"/>
      <scheme val="minor"/>
    </font>
    <font>
      <b/>
      <sz val="20"/>
      <color theme="1"/>
      <name val="楷体_GB2312"/>
      <charset val="134"/>
    </font>
    <font>
      <sz val="12"/>
      <color theme="1"/>
      <name val="黑体"/>
      <charset val="134"/>
    </font>
    <font>
      <sz val="12"/>
      <color theme="1"/>
      <name val="宋体"/>
      <charset val="134"/>
      <scheme val="minor"/>
    </font>
    <font>
      <b/>
      <sz val="12"/>
      <color theme="1"/>
      <name val="宋体"/>
      <charset val="134"/>
      <scheme val="minor"/>
    </font>
    <font>
      <sz val="9"/>
      <color theme="1"/>
      <name val="宋体"/>
      <charset val="134"/>
      <scheme val="minor"/>
    </font>
    <font>
      <sz val="20"/>
      <color theme="1"/>
      <name val="方正小标宋_GBK"/>
      <charset val="134"/>
    </font>
    <font>
      <sz val="12"/>
      <color theme="1"/>
      <name val="楷体_GB2312"/>
      <charset val="134"/>
    </font>
    <font>
      <sz val="12"/>
      <color theme="1"/>
      <name val="Times New Roman"/>
      <charset val="134"/>
    </font>
    <font>
      <sz val="12"/>
      <color theme="1"/>
      <name val="仿宋_GB2312"/>
      <charset val="134"/>
    </font>
    <font>
      <b/>
      <sz val="12"/>
      <color theme="1"/>
      <name val="Times New Roman"/>
      <charset val="134"/>
    </font>
    <font>
      <b/>
      <sz val="12"/>
      <color theme="1"/>
      <name val="仿宋_GB2312"/>
      <charset val="134"/>
    </font>
    <font>
      <sz val="11"/>
      <color theme="1"/>
      <name val="宋体"/>
      <charset val="134"/>
      <scheme val="minor"/>
    </font>
    <font>
      <sz val="11"/>
      <color theme="1"/>
      <name val="宋体"/>
      <charset val="0"/>
      <scheme val="minor"/>
    </font>
    <font>
      <sz val="11"/>
      <color rgb="FF3F3F76"/>
      <name val="宋体"/>
      <charset val="0"/>
      <scheme val="minor"/>
    </font>
    <font>
      <sz val="11"/>
      <color rgb="FF9C0006"/>
      <name val="宋体"/>
      <charset val="0"/>
      <scheme val="minor"/>
    </font>
    <font>
      <sz val="11"/>
      <color theme="0"/>
      <name val="宋体"/>
      <charset val="0"/>
      <scheme val="minor"/>
    </font>
    <font>
      <u/>
      <sz val="11"/>
      <color rgb="FF0000FF"/>
      <name val="宋体"/>
      <charset val="0"/>
      <scheme val="minor"/>
    </font>
    <font>
      <u/>
      <sz val="11"/>
      <color rgb="FF800080"/>
      <name val="宋体"/>
      <charset val="0"/>
      <scheme val="minor"/>
    </font>
    <font>
      <b/>
      <sz val="11"/>
      <color theme="3"/>
      <name val="宋体"/>
      <charset val="134"/>
      <scheme val="minor"/>
    </font>
    <font>
      <sz val="11"/>
      <color rgb="FFFF0000"/>
      <name val="宋体"/>
      <charset val="0"/>
      <scheme val="minor"/>
    </font>
    <font>
      <b/>
      <sz val="18"/>
      <color theme="3"/>
      <name val="宋体"/>
      <charset val="134"/>
      <scheme val="minor"/>
    </font>
    <font>
      <i/>
      <sz val="11"/>
      <color rgb="FF7F7F7F"/>
      <name val="宋体"/>
      <charset val="0"/>
      <scheme val="minor"/>
    </font>
    <font>
      <b/>
      <sz val="15"/>
      <color theme="3"/>
      <name val="宋体"/>
      <charset val="134"/>
      <scheme val="minor"/>
    </font>
    <font>
      <b/>
      <sz val="13"/>
      <color theme="3"/>
      <name val="宋体"/>
      <charset val="134"/>
      <scheme val="minor"/>
    </font>
    <font>
      <b/>
      <sz val="11"/>
      <color rgb="FF3F3F3F"/>
      <name val="宋体"/>
      <charset val="0"/>
      <scheme val="minor"/>
    </font>
    <font>
      <b/>
      <sz val="11"/>
      <color rgb="FFFA7D00"/>
      <name val="宋体"/>
      <charset val="0"/>
      <scheme val="minor"/>
    </font>
    <font>
      <b/>
      <sz val="11"/>
      <color rgb="FFFFFFFF"/>
      <name val="宋体"/>
      <charset val="0"/>
      <scheme val="minor"/>
    </font>
    <font>
      <sz val="11"/>
      <color rgb="FFFA7D00"/>
      <name val="宋体"/>
      <charset val="0"/>
      <scheme val="minor"/>
    </font>
    <font>
      <b/>
      <sz val="11"/>
      <color theme="1"/>
      <name val="宋体"/>
      <charset val="0"/>
      <scheme val="minor"/>
    </font>
    <font>
      <sz val="11"/>
      <color rgb="FF006100"/>
      <name val="宋体"/>
      <charset val="0"/>
      <scheme val="minor"/>
    </font>
    <font>
      <sz val="11"/>
      <color rgb="FF9C6500"/>
      <name val="宋体"/>
      <charset val="0"/>
      <scheme val="minor"/>
    </font>
    <font>
      <sz val="10"/>
      <color theme="1"/>
      <name val="宋体"/>
      <charset val="134"/>
      <scheme val="minor"/>
    </font>
  </fonts>
  <fills count="33">
    <fill>
      <patternFill patternType="none"/>
    </fill>
    <fill>
      <patternFill patternType="gray125"/>
    </fill>
    <fill>
      <patternFill patternType="solid">
        <fgColor theme="6" tint="0.799981688894314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theme="6" tint="0.599993896298105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theme="6" tint="0.399975585192419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5" tint="0.399975585192419"/>
        <bgColor indexed="64"/>
      </patternFill>
    </fill>
    <fill>
      <patternFill patternType="solid">
        <fgColor theme="4" tint="0.399975585192419"/>
        <bgColor indexed="64"/>
      </patternFill>
    </fill>
    <fill>
      <patternFill patternType="solid">
        <fgColor theme="7" tint="0.399975585192419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theme="9" tint="0.79998168889431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theme="8" tint="0.799981688894314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4" tint="0.799981688894314"/>
        <bgColor indexed="64"/>
      </patternFill>
    </fill>
    <fill>
      <patternFill patternType="solid">
        <fgColor theme="4" tint="0.599993896298105"/>
        <bgColor indexed="64"/>
      </patternFill>
    </fill>
    <fill>
      <patternFill patternType="solid">
        <fgColor theme="5" tint="0.799981688894314"/>
        <bgColor indexed="64"/>
      </patternFill>
    </fill>
    <fill>
      <patternFill patternType="solid">
        <fgColor theme="5" tint="0.59999389629810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7" tint="0.799981688894314"/>
        <bgColor indexed="64"/>
      </patternFill>
    </fill>
    <fill>
      <patternFill patternType="solid">
        <fgColor theme="7" tint="0.599993896298105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8" tint="0.599993896298105"/>
        <bgColor indexed="64"/>
      </patternFill>
    </fill>
    <fill>
      <patternFill patternType="solid">
        <fgColor theme="8" tint="0.399975585192419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theme="9" tint="0.599993896298105"/>
        <bgColor indexed="64"/>
      </patternFill>
    </fill>
    <fill>
      <patternFill patternType="solid">
        <fgColor theme="9" tint="0.399975585192419"/>
        <bgColor indexed="64"/>
      </patternFill>
    </fill>
  </fills>
  <borders count="23">
    <border>
      <left/>
      <right/>
      <top/>
      <bottom/>
      <diagonal/>
    </border>
    <border>
      <left/>
      <right style="thin">
        <color indexed="9"/>
      </right>
      <top/>
      <bottom style="thin">
        <color indexed="9"/>
      </bottom>
      <diagonal/>
    </border>
    <border>
      <left/>
      <right style="thin">
        <color indexed="9"/>
      </right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medium">
        <color theme="4"/>
      </bottom>
      <diagonal/>
    </border>
    <border>
      <left/>
      <right/>
      <top/>
      <bottom style="medium">
        <color theme="4" tint="0.49998474074526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double">
        <color rgb="FFFF8001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51">
    <xf numFmtId="0" fontId="0" fillId="0" borderId="0"/>
    <xf numFmtId="42" fontId="27" fillId="0" borderId="0" applyFont="0" applyFill="0" applyBorder="0" applyAlignment="0" applyProtection="0">
      <alignment vertical="center"/>
    </xf>
    <xf numFmtId="0" fontId="28" fillId="2" borderId="0" applyNumberFormat="0" applyBorder="0" applyAlignment="0" applyProtection="0">
      <alignment vertical="center"/>
    </xf>
    <xf numFmtId="0" fontId="29" fillId="3" borderId="15" applyNumberFormat="0" applyAlignment="0" applyProtection="0">
      <alignment vertical="center"/>
    </xf>
    <xf numFmtId="44" fontId="27" fillId="0" borderId="0" applyFont="0" applyFill="0" applyBorder="0" applyAlignment="0" applyProtection="0">
      <alignment vertical="center"/>
    </xf>
    <xf numFmtId="41" fontId="27" fillId="0" borderId="0" applyFont="0" applyFill="0" applyBorder="0" applyAlignment="0" applyProtection="0">
      <alignment vertical="center"/>
    </xf>
    <xf numFmtId="0" fontId="28" fillId="4" borderId="0" applyNumberFormat="0" applyBorder="0" applyAlignment="0" applyProtection="0">
      <alignment vertical="center"/>
    </xf>
    <xf numFmtId="0" fontId="30" fillId="5" borderId="0" applyNumberFormat="0" applyBorder="0" applyAlignment="0" applyProtection="0">
      <alignment vertical="center"/>
    </xf>
    <xf numFmtId="43" fontId="27" fillId="0" borderId="0" applyFont="0" applyFill="0" applyBorder="0" applyAlignment="0" applyProtection="0">
      <alignment vertical="center"/>
    </xf>
    <xf numFmtId="0" fontId="31" fillId="6" borderId="0" applyNumberFormat="0" applyBorder="0" applyAlignment="0" applyProtection="0">
      <alignment vertical="center"/>
    </xf>
    <xf numFmtId="0" fontId="32" fillId="0" borderId="0" applyNumberFormat="0" applyFill="0" applyBorder="0" applyAlignment="0" applyProtection="0">
      <alignment vertical="center"/>
    </xf>
    <xf numFmtId="9" fontId="27" fillId="0" borderId="0" applyFont="0" applyFill="0" applyBorder="0" applyAlignment="0" applyProtection="0">
      <alignment vertical="center"/>
    </xf>
    <xf numFmtId="0" fontId="33" fillId="0" borderId="0" applyNumberFormat="0" applyFill="0" applyBorder="0" applyAlignment="0" applyProtection="0">
      <alignment vertical="center"/>
    </xf>
    <xf numFmtId="0" fontId="27" fillId="7" borderId="16" applyNumberFormat="0" applyFont="0" applyAlignment="0" applyProtection="0">
      <alignment vertical="center"/>
    </xf>
    <xf numFmtId="0" fontId="31" fillId="8" borderId="0" applyNumberFormat="0" applyBorder="0" applyAlignment="0" applyProtection="0">
      <alignment vertical="center"/>
    </xf>
    <xf numFmtId="0" fontId="34" fillId="0" borderId="0" applyNumberFormat="0" applyFill="0" applyBorder="0" applyAlignment="0" applyProtection="0">
      <alignment vertical="center"/>
    </xf>
    <xf numFmtId="0" fontId="35" fillId="0" borderId="0" applyNumberFormat="0" applyFill="0" applyBorder="0" applyAlignment="0" applyProtection="0">
      <alignment vertical="center"/>
    </xf>
    <xf numFmtId="0" fontId="36" fillId="0" borderId="0" applyNumberFormat="0" applyFill="0" applyBorder="0" applyAlignment="0" applyProtection="0">
      <alignment vertical="center"/>
    </xf>
    <xf numFmtId="0" fontId="37" fillId="0" borderId="0" applyNumberFormat="0" applyFill="0" applyBorder="0" applyAlignment="0" applyProtection="0">
      <alignment vertical="center"/>
    </xf>
    <xf numFmtId="0" fontId="38" fillId="0" borderId="17" applyNumberFormat="0" applyFill="0" applyAlignment="0" applyProtection="0">
      <alignment vertical="center"/>
    </xf>
    <xf numFmtId="0" fontId="39" fillId="0" borderId="17" applyNumberFormat="0" applyFill="0" applyAlignment="0" applyProtection="0">
      <alignment vertical="center"/>
    </xf>
    <xf numFmtId="0" fontId="31" fillId="9" borderId="0" applyNumberFormat="0" applyBorder="0" applyAlignment="0" applyProtection="0">
      <alignment vertical="center"/>
    </xf>
    <xf numFmtId="0" fontId="34" fillId="0" borderId="18" applyNumberFormat="0" applyFill="0" applyAlignment="0" applyProtection="0">
      <alignment vertical="center"/>
    </xf>
    <xf numFmtId="0" fontId="31" fillId="10" borderId="0" applyNumberFormat="0" applyBorder="0" applyAlignment="0" applyProtection="0">
      <alignment vertical="center"/>
    </xf>
    <xf numFmtId="0" fontId="40" fillId="11" borderId="19" applyNumberFormat="0" applyAlignment="0" applyProtection="0">
      <alignment vertical="center"/>
    </xf>
    <xf numFmtId="0" fontId="41" fillId="11" borderId="15" applyNumberFormat="0" applyAlignment="0" applyProtection="0">
      <alignment vertical="center"/>
    </xf>
    <xf numFmtId="0" fontId="42" fillId="12" borderId="20" applyNumberFormat="0" applyAlignment="0" applyProtection="0">
      <alignment vertical="center"/>
    </xf>
    <xf numFmtId="0" fontId="28" fillId="13" borderId="0" applyNumberFormat="0" applyBorder="0" applyAlignment="0" applyProtection="0">
      <alignment vertical="center"/>
    </xf>
    <xf numFmtId="0" fontId="31" fillId="14" borderId="0" applyNumberFormat="0" applyBorder="0" applyAlignment="0" applyProtection="0">
      <alignment vertical="center"/>
    </xf>
    <xf numFmtId="0" fontId="43" fillId="0" borderId="21" applyNumberFormat="0" applyFill="0" applyAlignment="0" applyProtection="0">
      <alignment vertical="center"/>
    </xf>
    <xf numFmtId="0" fontId="44" fillId="0" borderId="22" applyNumberFormat="0" applyFill="0" applyAlignment="0" applyProtection="0">
      <alignment vertical="center"/>
    </xf>
    <xf numFmtId="0" fontId="45" fillId="15" borderId="0" applyNumberFormat="0" applyBorder="0" applyAlignment="0" applyProtection="0">
      <alignment vertical="center"/>
    </xf>
    <xf numFmtId="0" fontId="46" fillId="16" borderId="0" applyNumberFormat="0" applyBorder="0" applyAlignment="0" applyProtection="0">
      <alignment vertical="center"/>
    </xf>
    <xf numFmtId="0" fontId="28" fillId="17" borderId="0" applyNumberFormat="0" applyBorder="0" applyAlignment="0" applyProtection="0">
      <alignment vertical="center"/>
    </xf>
    <xf numFmtId="0" fontId="31" fillId="18" borderId="0" applyNumberFormat="0" applyBorder="0" applyAlignment="0" applyProtection="0">
      <alignment vertical="center"/>
    </xf>
    <xf numFmtId="0" fontId="28" fillId="19" borderId="0" applyNumberFormat="0" applyBorder="0" applyAlignment="0" applyProtection="0">
      <alignment vertical="center"/>
    </xf>
    <xf numFmtId="0" fontId="28" fillId="20" borderId="0" applyNumberFormat="0" applyBorder="0" applyAlignment="0" applyProtection="0">
      <alignment vertical="center"/>
    </xf>
    <xf numFmtId="0" fontId="28" fillId="21" borderId="0" applyNumberFormat="0" applyBorder="0" applyAlignment="0" applyProtection="0">
      <alignment vertical="center"/>
    </xf>
    <xf numFmtId="0" fontId="28" fillId="22" borderId="0" applyNumberFormat="0" applyBorder="0" applyAlignment="0" applyProtection="0">
      <alignment vertical="center"/>
    </xf>
    <xf numFmtId="0" fontId="31" fillId="23" borderId="0" applyNumberFormat="0" applyBorder="0" applyAlignment="0" applyProtection="0">
      <alignment vertical="center"/>
    </xf>
    <xf numFmtId="0" fontId="31" fillId="24" borderId="0" applyNumberFormat="0" applyBorder="0" applyAlignment="0" applyProtection="0">
      <alignment vertical="center"/>
    </xf>
    <xf numFmtId="0" fontId="28" fillId="25" borderId="0" applyNumberFormat="0" applyBorder="0" applyAlignment="0" applyProtection="0">
      <alignment vertical="center"/>
    </xf>
    <xf numFmtId="0" fontId="28" fillId="26" borderId="0" applyNumberFormat="0" applyBorder="0" applyAlignment="0" applyProtection="0">
      <alignment vertical="center"/>
    </xf>
    <xf numFmtId="0" fontId="31" fillId="27" borderId="0" applyNumberFormat="0" applyBorder="0" applyAlignment="0" applyProtection="0">
      <alignment vertical="center"/>
    </xf>
    <xf numFmtId="0" fontId="28" fillId="28" borderId="0" applyNumberFormat="0" applyBorder="0" applyAlignment="0" applyProtection="0">
      <alignment vertical="center"/>
    </xf>
    <xf numFmtId="0" fontId="31" fillId="29" borderId="0" applyNumberFormat="0" applyBorder="0" applyAlignment="0" applyProtection="0">
      <alignment vertical="center"/>
    </xf>
    <xf numFmtId="0" fontId="31" fillId="30" borderId="0" applyNumberFormat="0" applyBorder="0" applyAlignment="0" applyProtection="0">
      <alignment vertical="center"/>
    </xf>
    <xf numFmtId="0" fontId="28" fillId="31" borderId="0" applyNumberFormat="0" applyBorder="0" applyAlignment="0" applyProtection="0">
      <alignment vertical="center"/>
    </xf>
    <xf numFmtId="0" fontId="31" fillId="32" borderId="0" applyNumberFormat="0" applyBorder="0" applyAlignment="0" applyProtection="0">
      <alignment vertical="center"/>
    </xf>
    <xf numFmtId="0" fontId="0" fillId="0" borderId="0"/>
    <xf numFmtId="0" fontId="47" fillId="0" borderId="0"/>
  </cellStyleXfs>
  <cellXfs count="118">
    <xf numFmtId="0" fontId="0" fillId="0" borderId="0" xfId="0"/>
    <xf numFmtId="0" fontId="1" fillId="0" borderId="1" xfId="0" applyFont="1" applyFill="1" applyBorder="1" applyAlignment="1"/>
    <xf numFmtId="0" fontId="2" fillId="0" borderId="1" xfId="0" applyFont="1" applyFill="1" applyBorder="1" applyAlignment="1"/>
    <xf numFmtId="0" fontId="3" fillId="0" borderId="0" xfId="50" applyFont="1" applyFill="1" applyBorder="1" applyAlignment="1"/>
    <xf numFmtId="0" fontId="4" fillId="0" borderId="0" xfId="50" applyFont="1" applyFill="1" applyBorder="1" applyAlignment="1"/>
    <xf numFmtId="0" fontId="5" fillId="0" borderId="0" xfId="50" applyFont="1" applyFill="1" applyBorder="1" applyAlignment="1"/>
    <xf numFmtId="0" fontId="6" fillId="0" borderId="0" xfId="50" applyFont="1" applyFill="1" applyBorder="1" applyAlignment="1"/>
    <xf numFmtId="0" fontId="7" fillId="0" borderId="0" xfId="0" applyFont="1" applyFill="1" applyBorder="1" applyAlignment="1">
      <alignment vertical="center" wrapText="1"/>
    </xf>
    <xf numFmtId="0" fontId="6" fillId="0" borderId="0" xfId="50" applyFont="1" applyFill="1" applyBorder="1" applyAlignment="1">
      <alignment horizontal="center" vertical="center"/>
    </xf>
    <xf numFmtId="0" fontId="6" fillId="0" borderId="0" xfId="50" applyFont="1" applyFill="1" applyBorder="1" applyAlignment="1">
      <alignment wrapText="1"/>
    </xf>
    <xf numFmtId="0" fontId="6" fillId="0" borderId="0" xfId="50" applyFont="1" applyFill="1" applyBorder="1" applyAlignment="1">
      <alignment horizontal="center"/>
    </xf>
    <xf numFmtId="176" fontId="8" fillId="0" borderId="0" xfId="50" applyNumberFormat="1" applyFont="1" applyFill="1" applyBorder="1" applyAlignment="1"/>
    <xf numFmtId="0" fontId="1" fillId="0" borderId="1" xfId="0" applyFont="1" applyFill="1" applyBorder="1"/>
    <xf numFmtId="0" fontId="9" fillId="0" borderId="0" xfId="49" applyFont="1" applyFill="1" applyAlignment="1">
      <alignment horizontal="center" vertical="center" wrapText="1"/>
    </xf>
    <xf numFmtId="0" fontId="9" fillId="0" borderId="2" xfId="49" applyFont="1" applyFill="1" applyBorder="1" applyAlignment="1">
      <alignment horizontal="center" vertical="center" wrapText="1"/>
    </xf>
    <xf numFmtId="0" fontId="10" fillId="0" borderId="0" xfId="49" applyFont="1" applyFill="1" applyAlignment="1">
      <alignment horizontal="left" vertical="center"/>
    </xf>
    <xf numFmtId="0" fontId="10" fillId="0" borderId="0" xfId="49" applyFont="1" applyFill="1" applyAlignment="1"/>
    <xf numFmtId="176" fontId="10" fillId="0" borderId="0" xfId="49" applyNumberFormat="1" applyFont="1" applyFill="1" applyAlignment="1"/>
    <xf numFmtId="0" fontId="2" fillId="0" borderId="2" xfId="0" applyFont="1" applyFill="1" applyBorder="1" applyAlignment="1"/>
    <xf numFmtId="0" fontId="3" fillId="0" borderId="3" xfId="50" applyFont="1" applyFill="1" applyBorder="1" applyAlignment="1">
      <alignment horizontal="center" vertical="center" wrapText="1"/>
    </xf>
    <xf numFmtId="0" fontId="3" fillId="0" borderId="4" xfId="50" applyFont="1" applyFill="1" applyBorder="1" applyAlignment="1">
      <alignment horizontal="center" vertical="center" wrapText="1"/>
    </xf>
    <xf numFmtId="176" fontId="3" fillId="0" borderId="4" xfId="50" applyNumberFormat="1" applyFont="1" applyFill="1" applyBorder="1" applyAlignment="1">
      <alignment horizontal="center" vertical="center" wrapText="1"/>
    </xf>
    <xf numFmtId="0" fontId="3" fillId="0" borderId="4" xfId="50" applyFont="1" applyFill="1" applyBorder="1" applyAlignment="1">
      <alignment horizontal="center" vertical="center"/>
    </xf>
    <xf numFmtId="0" fontId="3" fillId="0" borderId="5" xfId="50" applyFont="1" applyFill="1" applyBorder="1" applyAlignment="1">
      <alignment horizontal="center" vertical="center"/>
    </xf>
    <xf numFmtId="0" fontId="3" fillId="0" borderId="6" xfId="50" applyFont="1" applyFill="1" applyBorder="1" applyAlignment="1">
      <alignment horizontal="center" vertical="center" wrapText="1"/>
    </xf>
    <xf numFmtId="0" fontId="3" fillId="0" borderId="7" xfId="50" applyFont="1" applyFill="1" applyBorder="1" applyAlignment="1">
      <alignment horizontal="center" vertical="center" wrapText="1"/>
    </xf>
    <xf numFmtId="176" fontId="3" fillId="0" borderId="7" xfId="50" applyNumberFormat="1" applyFont="1" applyFill="1" applyBorder="1" applyAlignment="1">
      <alignment horizontal="center" vertical="center" wrapText="1"/>
    </xf>
    <xf numFmtId="0" fontId="3" fillId="0" borderId="7" xfId="50" applyFont="1" applyFill="1" applyBorder="1" applyAlignment="1">
      <alignment horizontal="center" vertical="center"/>
    </xf>
    <xf numFmtId="0" fontId="3" fillId="0" borderId="8" xfId="50" applyFont="1" applyFill="1" applyBorder="1" applyAlignment="1">
      <alignment horizontal="center" vertical="center"/>
    </xf>
    <xf numFmtId="0" fontId="3" fillId="0" borderId="7" xfId="50" applyFont="1" applyFill="1" applyBorder="1" applyAlignment="1">
      <alignment horizontal="left" vertical="center" wrapText="1"/>
    </xf>
    <xf numFmtId="176" fontId="3" fillId="0" borderId="7" xfId="50" applyNumberFormat="1" applyFont="1" applyFill="1" applyBorder="1" applyAlignment="1">
      <alignment horizontal="right" vertical="center" wrapText="1"/>
    </xf>
    <xf numFmtId="0" fontId="4" fillId="0" borderId="7" xfId="50" applyFont="1" applyFill="1" applyBorder="1" applyAlignment="1"/>
    <xf numFmtId="0" fontId="4" fillId="0" borderId="8" xfId="50" applyFont="1" applyFill="1" applyBorder="1" applyAlignment="1"/>
    <xf numFmtId="0" fontId="11" fillId="0" borderId="6" xfId="50" applyFont="1" applyFill="1" applyBorder="1" applyAlignment="1">
      <alignment horizontal="center" vertical="center" wrapText="1"/>
    </xf>
    <xf numFmtId="0" fontId="11" fillId="0" borderId="7" xfId="50" applyFont="1" applyFill="1" applyBorder="1" applyAlignment="1">
      <alignment horizontal="left" vertical="center" wrapText="1"/>
    </xf>
    <xf numFmtId="176" fontId="11" fillId="0" borderId="7" xfId="50" applyNumberFormat="1" applyFont="1" applyFill="1" applyBorder="1" applyAlignment="1">
      <alignment horizontal="right" vertical="center" wrapText="1"/>
    </xf>
    <xf numFmtId="0" fontId="5" fillId="0" borderId="7" xfId="50" applyFont="1" applyFill="1" applyBorder="1" applyAlignment="1"/>
    <xf numFmtId="0" fontId="5" fillId="0" borderId="8" xfId="50" applyFont="1" applyFill="1" applyBorder="1" applyAlignment="1"/>
    <xf numFmtId="0" fontId="10" fillId="0" borderId="6" xfId="50" applyFont="1" applyFill="1" applyBorder="1" applyAlignment="1">
      <alignment horizontal="center" vertical="center" wrapText="1"/>
    </xf>
    <xf numFmtId="0" fontId="10" fillId="0" borderId="7" xfId="50" applyFont="1" applyFill="1" applyBorder="1" applyAlignment="1">
      <alignment horizontal="left" vertical="center" wrapText="1"/>
    </xf>
    <xf numFmtId="0" fontId="10" fillId="0" borderId="7" xfId="50" applyFont="1" applyFill="1" applyBorder="1" applyAlignment="1">
      <alignment horizontal="center" vertical="center" wrapText="1"/>
    </xf>
    <xf numFmtId="176" fontId="10" fillId="0" borderId="7" xfId="50" applyNumberFormat="1" applyFont="1" applyFill="1" applyBorder="1" applyAlignment="1">
      <alignment horizontal="right" vertical="center" wrapText="1"/>
    </xf>
    <xf numFmtId="0" fontId="6" fillId="0" borderId="7" xfId="50" applyFont="1" applyFill="1" applyBorder="1" applyAlignment="1"/>
    <xf numFmtId="0" fontId="6" fillId="0" borderId="8" xfId="50" applyFont="1" applyFill="1" applyBorder="1" applyAlignment="1"/>
    <xf numFmtId="0" fontId="2" fillId="0" borderId="7" xfId="50" applyFont="1" applyFill="1" applyBorder="1" applyAlignment="1"/>
    <xf numFmtId="0" fontId="12" fillId="0" borderId="7" xfId="50" applyFont="1" applyFill="1" applyBorder="1" applyAlignment="1">
      <alignment horizontal="left" vertical="center" wrapText="1"/>
    </xf>
    <xf numFmtId="0" fontId="11" fillId="0" borderId="7" xfId="50" applyFont="1" applyFill="1" applyBorder="1" applyAlignment="1">
      <alignment horizontal="right" vertical="center" wrapText="1"/>
    </xf>
    <xf numFmtId="0" fontId="10" fillId="0" borderId="7" xfId="0" applyFont="1" applyFill="1" applyBorder="1" applyAlignment="1">
      <alignment vertical="center"/>
    </xf>
    <xf numFmtId="0" fontId="7" fillId="0" borderId="1" xfId="50" applyFont="1" applyFill="1" applyBorder="1" applyAlignment="1">
      <alignment horizontal="center" vertical="center" wrapText="1"/>
    </xf>
    <xf numFmtId="0" fontId="7" fillId="0" borderId="1" xfId="50" applyFont="1" applyFill="1" applyBorder="1" applyAlignment="1">
      <alignment horizontal="left" vertical="center" wrapText="1"/>
    </xf>
    <xf numFmtId="176" fontId="7" fillId="0" borderId="1" xfId="50" applyNumberFormat="1" applyFont="1" applyFill="1" applyBorder="1" applyAlignment="1">
      <alignment horizontal="right" vertical="center" wrapText="1"/>
    </xf>
    <xf numFmtId="0" fontId="7" fillId="0" borderId="1" xfId="50" applyFont="1" applyFill="1" applyBorder="1" applyAlignment="1">
      <alignment horizontal="right" vertical="center" wrapText="1"/>
    </xf>
    <xf numFmtId="0" fontId="10" fillId="0" borderId="6" xfId="0" applyNumberFormat="1" applyFont="1" applyFill="1" applyBorder="1" applyAlignment="1">
      <alignment horizontal="center" vertical="center" wrapText="1"/>
    </xf>
    <xf numFmtId="0" fontId="10" fillId="0" borderId="7" xfId="0" applyFont="1" applyFill="1" applyBorder="1" applyAlignment="1">
      <alignment horizontal="left" vertical="center" wrapText="1"/>
    </xf>
    <xf numFmtId="0" fontId="10" fillId="0" borderId="7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vertical="center" wrapText="1"/>
    </xf>
    <xf numFmtId="0" fontId="7" fillId="0" borderId="8" xfId="0" applyFont="1" applyFill="1" applyBorder="1" applyAlignment="1">
      <alignment vertical="center" wrapText="1"/>
    </xf>
    <xf numFmtId="0" fontId="10" fillId="0" borderId="9" xfId="0" applyNumberFormat="1" applyFont="1" applyFill="1" applyBorder="1" applyAlignment="1">
      <alignment horizontal="center" vertical="center" wrapText="1"/>
    </xf>
    <xf numFmtId="0" fontId="10" fillId="0" borderId="10" xfId="0" applyNumberFormat="1" applyFont="1" applyFill="1" applyBorder="1" applyAlignment="1">
      <alignment horizontal="left" vertical="center" wrapText="1"/>
    </xf>
    <xf numFmtId="0" fontId="10" fillId="0" borderId="10" xfId="0" applyNumberFormat="1" applyFont="1" applyFill="1" applyBorder="1" applyAlignment="1">
      <alignment horizontal="center" vertical="center" wrapText="1"/>
    </xf>
    <xf numFmtId="176" fontId="10" fillId="0" borderId="10" xfId="0" applyNumberFormat="1" applyFont="1" applyFill="1" applyBorder="1" applyAlignment="1">
      <alignment horizontal="right" vertical="center" wrapText="1"/>
    </xf>
    <xf numFmtId="0" fontId="7" fillId="0" borderId="10" xfId="0" applyFont="1" applyFill="1" applyBorder="1" applyAlignment="1">
      <alignment vertical="center" wrapText="1"/>
    </xf>
    <xf numFmtId="0" fontId="7" fillId="0" borderId="11" xfId="0" applyFont="1" applyFill="1" applyBorder="1" applyAlignment="1">
      <alignment vertical="center" wrapText="1"/>
    </xf>
    <xf numFmtId="0" fontId="5" fillId="0" borderId="1" xfId="0" applyFont="1" applyFill="1" applyBorder="1" applyAlignment="1"/>
    <xf numFmtId="0" fontId="13" fillId="0" borderId="0" xfId="0" applyFont="1" applyFill="1" applyBorder="1" applyAlignment="1">
      <alignment vertical="center" wrapText="1"/>
    </xf>
    <xf numFmtId="176" fontId="8" fillId="0" borderId="0" xfId="50" applyNumberFormat="1" applyFont="1" applyFill="1" applyBorder="1" applyAlignment="1">
      <alignment horizontal="center"/>
    </xf>
    <xf numFmtId="0" fontId="11" fillId="0" borderId="0" xfId="49" applyFont="1" applyFill="1" applyAlignment="1">
      <alignment horizontal="left" vertical="center"/>
    </xf>
    <xf numFmtId="0" fontId="11" fillId="0" borderId="0" xfId="49" applyFont="1" applyFill="1" applyAlignment="1"/>
    <xf numFmtId="176" fontId="11" fillId="0" borderId="0" xfId="49" applyNumberFormat="1" applyFont="1" applyFill="1" applyAlignment="1">
      <alignment horizontal="center"/>
    </xf>
    <xf numFmtId="177" fontId="11" fillId="0" borderId="0" xfId="49" applyNumberFormat="1" applyFont="1" applyFill="1" applyAlignment="1"/>
    <xf numFmtId="0" fontId="5" fillId="0" borderId="2" xfId="0" applyFont="1" applyFill="1" applyBorder="1" applyAlignment="1"/>
    <xf numFmtId="176" fontId="5" fillId="0" borderId="2" xfId="0" applyNumberFormat="1" applyFont="1" applyFill="1" applyBorder="1" applyAlignment="1"/>
    <xf numFmtId="0" fontId="3" fillId="0" borderId="12" xfId="50" applyFont="1" applyFill="1" applyBorder="1" applyAlignment="1">
      <alignment horizontal="center" vertical="center"/>
    </xf>
    <xf numFmtId="0" fontId="3" fillId="0" borderId="13" xfId="50" applyFont="1" applyFill="1" applyBorder="1" applyAlignment="1">
      <alignment horizontal="center" vertical="center"/>
    </xf>
    <xf numFmtId="176" fontId="11" fillId="0" borderId="7" xfId="50" applyNumberFormat="1" applyFont="1" applyFill="1" applyBorder="1" applyAlignment="1">
      <alignment horizontal="center" vertical="center" wrapText="1"/>
    </xf>
    <xf numFmtId="0" fontId="5" fillId="0" borderId="13" xfId="50" applyFont="1" applyFill="1" applyBorder="1" applyAlignment="1"/>
    <xf numFmtId="176" fontId="10" fillId="0" borderId="7" xfId="50" applyNumberFormat="1" applyFont="1" applyFill="1" applyBorder="1" applyAlignment="1">
      <alignment horizontal="center" vertical="center" wrapText="1"/>
    </xf>
    <xf numFmtId="0" fontId="6" fillId="0" borderId="13" xfId="50" applyFont="1" applyFill="1" applyBorder="1" applyAlignment="1"/>
    <xf numFmtId="0" fontId="7" fillId="0" borderId="13" xfId="0" applyFont="1" applyFill="1" applyBorder="1" applyAlignment="1">
      <alignment vertical="center" wrapText="1"/>
    </xf>
    <xf numFmtId="0" fontId="13" fillId="0" borderId="13" xfId="0" applyFont="1" applyFill="1" applyBorder="1" applyAlignment="1">
      <alignment vertical="center" wrapText="1"/>
    </xf>
    <xf numFmtId="0" fontId="13" fillId="0" borderId="7" xfId="0" applyFont="1" applyFill="1" applyBorder="1" applyAlignment="1">
      <alignment vertical="center" wrapText="1"/>
    </xf>
    <xf numFmtId="0" fontId="13" fillId="0" borderId="8" xfId="0" applyFont="1" applyFill="1" applyBorder="1" applyAlignment="1">
      <alignment vertical="center" wrapText="1"/>
    </xf>
    <xf numFmtId="0" fontId="10" fillId="0" borderId="7" xfId="0" applyNumberFormat="1" applyFont="1" applyFill="1" applyBorder="1" applyAlignment="1">
      <alignment horizontal="left" vertical="center" wrapText="1"/>
    </xf>
    <xf numFmtId="0" fontId="10" fillId="0" borderId="7" xfId="0" applyNumberFormat="1" applyFont="1" applyFill="1" applyBorder="1" applyAlignment="1">
      <alignment horizontal="center" vertical="center" wrapText="1"/>
    </xf>
    <xf numFmtId="176" fontId="10" fillId="0" borderId="7" xfId="0" applyNumberFormat="1" applyFont="1" applyFill="1" applyBorder="1" applyAlignment="1">
      <alignment horizontal="center" vertical="center" wrapText="1"/>
    </xf>
    <xf numFmtId="0" fontId="13" fillId="0" borderId="14" xfId="0" applyFont="1" applyFill="1" applyBorder="1" applyAlignment="1">
      <alignment vertical="center" wrapText="1"/>
    </xf>
    <xf numFmtId="0" fontId="13" fillId="0" borderId="10" xfId="0" applyFont="1" applyFill="1" applyBorder="1" applyAlignment="1">
      <alignment vertical="center" wrapText="1"/>
    </xf>
    <xf numFmtId="0" fontId="13" fillId="0" borderId="11" xfId="0" applyFont="1" applyFill="1" applyBorder="1" applyAlignment="1">
      <alignment vertical="center" wrapText="1"/>
    </xf>
    <xf numFmtId="10" fontId="5" fillId="0" borderId="0" xfId="0" applyNumberFormat="1" applyFont="1" applyFill="1" applyBorder="1" applyAlignment="1"/>
    <xf numFmtId="177" fontId="14" fillId="0" borderId="1" xfId="0" applyNumberFormat="1" applyFont="1" applyFill="1" applyBorder="1" applyAlignment="1"/>
    <xf numFmtId="0" fontId="15" fillId="0" borderId="0" xfId="0" applyFont="1" applyFill="1" applyAlignment="1">
      <alignment vertical="center"/>
    </xf>
    <xf numFmtId="0" fontId="16" fillId="0" borderId="0" xfId="0" applyFont="1" applyFill="1" applyAlignment="1">
      <alignment vertical="center"/>
    </xf>
    <xf numFmtId="0" fontId="17" fillId="0" borderId="0" xfId="0" applyFont="1" applyFill="1" applyAlignment="1">
      <alignment horizontal="center" vertical="center"/>
    </xf>
    <xf numFmtId="0" fontId="18" fillId="0" borderId="0" xfId="0" applyFont="1" applyFill="1" applyAlignment="1">
      <alignment vertical="center"/>
    </xf>
    <xf numFmtId="0" fontId="19" fillId="0" borderId="0" xfId="0" applyFont="1" applyFill="1" applyAlignment="1">
      <alignment vertical="center"/>
    </xf>
    <xf numFmtId="0" fontId="20" fillId="0" borderId="0" xfId="0" applyFont="1" applyFill="1" applyAlignment="1">
      <alignment horizontal="center" vertical="center"/>
    </xf>
    <xf numFmtId="0" fontId="20" fillId="0" borderId="0" xfId="0" applyFont="1" applyFill="1" applyAlignment="1">
      <alignment vertical="center"/>
    </xf>
    <xf numFmtId="177" fontId="20" fillId="0" borderId="0" xfId="0" applyNumberFormat="1" applyFont="1" applyFill="1" applyAlignment="1">
      <alignment vertical="center"/>
    </xf>
    <xf numFmtId="0" fontId="21" fillId="0" borderId="0" xfId="0" applyFont="1" applyFill="1" applyAlignment="1">
      <alignment horizontal="center" vertical="center"/>
    </xf>
    <xf numFmtId="0" fontId="22" fillId="0" borderId="0" xfId="0" applyFont="1" applyFill="1" applyAlignment="1">
      <alignment horizontal="left" vertical="center"/>
    </xf>
    <xf numFmtId="0" fontId="16" fillId="0" borderId="0" xfId="0" applyFont="1" applyFill="1" applyAlignment="1">
      <alignment horizontal="center" vertical="center"/>
    </xf>
    <xf numFmtId="0" fontId="17" fillId="0" borderId="3" xfId="0" applyFont="1" applyFill="1" applyBorder="1" applyAlignment="1">
      <alignment horizontal="center" vertical="center"/>
    </xf>
    <xf numFmtId="0" fontId="17" fillId="0" borderId="4" xfId="0" applyFont="1" applyFill="1" applyBorder="1" applyAlignment="1">
      <alignment horizontal="center" vertical="center"/>
    </xf>
    <xf numFmtId="177" fontId="17" fillId="0" borderId="4" xfId="0" applyNumberFormat="1" applyFont="1" applyFill="1" applyBorder="1" applyAlignment="1">
      <alignment horizontal="center" vertical="center"/>
    </xf>
    <xf numFmtId="0" fontId="17" fillId="0" borderId="5" xfId="0" applyFont="1" applyFill="1" applyBorder="1" applyAlignment="1">
      <alignment horizontal="center" vertical="center"/>
    </xf>
    <xf numFmtId="0" fontId="23" fillId="0" borderId="6" xfId="0" applyFont="1" applyFill="1" applyBorder="1" applyAlignment="1">
      <alignment horizontal="center" vertical="center"/>
    </xf>
    <xf numFmtId="0" fontId="24" fillId="0" borderId="7" xfId="0" applyFont="1" applyFill="1" applyBorder="1" applyAlignment="1">
      <alignment horizontal="center" vertical="center"/>
    </xf>
    <xf numFmtId="177" fontId="23" fillId="0" borderId="7" xfId="0" applyNumberFormat="1" applyFont="1" applyFill="1" applyBorder="1" applyAlignment="1">
      <alignment horizontal="center" vertical="center"/>
    </xf>
    <xf numFmtId="0" fontId="18" fillId="0" borderId="8" xfId="0" applyFont="1" applyFill="1" applyBorder="1" applyAlignment="1">
      <alignment vertical="center"/>
    </xf>
    <xf numFmtId="0" fontId="24" fillId="0" borderId="7" xfId="0" applyFont="1" applyFill="1" applyBorder="1" applyAlignment="1">
      <alignment horizontal="center" vertical="center" wrapText="1"/>
    </xf>
    <xf numFmtId="0" fontId="25" fillId="0" borderId="6" xfId="0" applyFont="1" applyFill="1" applyBorder="1" applyAlignment="1">
      <alignment horizontal="center" vertical="center"/>
    </xf>
    <xf numFmtId="0" fontId="26" fillId="0" borderId="7" xfId="0" applyFont="1" applyFill="1" applyBorder="1" applyAlignment="1">
      <alignment horizontal="center" vertical="center"/>
    </xf>
    <xf numFmtId="177" fontId="25" fillId="0" borderId="7" xfId="0" applyNumberFormat="1" applyFont="1" applyFill="1" applyBorder="1" applyAlignment="1">
      <alignment horizontal="center" vertical="center"/>
    </xf>
    <xf numFmtId="0" fontId="19" fillId="0" borderId="8" xfId="0" applyFont="1" applyFill="1" applyBorder="1" applyAlignment="1">
      <alignment vertical="center"/>
    </xf>
    <xf numFmtId="0" fontId="25" fillId="0" borderId="9" xfId="0" applyFont="1" applyFill="1" applyBorder="1" applyAlignment="1">
      <alignment horizontal="center" vertical="center"/>
    </xf>
    <xf numFmtId="0" fontId="26" fillId="0" borderId="10" xfId="0" applyFont="1" applyFill="1" applyBorder="1" applyAlignment="1">
      <alignment horizontal="center" vertical="center"/>
    </xf>
    <xf numFmtId="178" fontId="26" fillId="0" borderId="10" xfId="0" applyNumberFormat="1" applyFont="1" applyFill="1" applyBorder="1" applyAlignment="1">
      <alignment horizontal="center" vertical="center"/>
    </xf>
    <xf numFmtId="0" fontId="19" fillId="0" borderId="11" xfId="0" applyFont="1" applyFill="1" applyBorder="1" applyAlignment="1">
      <alignment vertical="center"/>
    </xf>
  </cellXfs>
  <cellStyles count="51">
    <cellStyle name="常规" xfId="0" builtinId="0"/>
    <cellStyle name="货币[0]" xfId="1" builtinId="7"/>
    <cellStyle name="20% - 强调文字颜色 3" xfId="2" builtinId="38"/>
    <cellStyle name="输入" xfId="3" builtinId="20"/>
    <cellStyle name="货币" xfId="4" builtinId="4"/>
    <cellStyle name="千位分隔[0]" xfId="5" builtinId="6"/>
    <cellStyle name="40% - 强调文字颜色 3" xfId="6" builtinId="39"/>
    <cellStyle name="差" xfId="7" builtinId="27"/>
    <cellStyle name="千位分隔" xfId="8" builtinId="3"/>
    <cellStyle name="60% - 强调文字颜色 3" xfId="9" builtinId="40"/>
    <cellStyle name="超链接" xfId="10" builtinId="8"/>
    <cellStyle name="百分比" xfId="11" builtinId="5"/>
    <cellStyle name="已访问的超链接" xfId="12" builtinId="9"/>
    <cellStyle name="注释" xfId="13" builtinId="10"/>
    <cellStyle name="60% - 强调文字颜色 2" xfId="14" builtinId="36"/>
    <cellStyle name="标题 4" xfId="15" builtinId="19"/>
    <cellStyle name="警告文本" xfId="16" builtinId="11"/>
    <cellStyle name="标题" xfId="17" builtinId="15"/>
    <cellStyle name="解释性文本" xfId="18" builtinId="53"/>
    <cellStyle name="标题 1" xfId="19" builtinId="16"/>
    <cellStyle name="标题 2" xfId="20" builtinId="17"/>
    <cellStyle name="60% - 强调文字颜色 1" xfId="21" builtinId="32"/>
    <cellStyle name="标题 3" xfId="22" builtinId="18"/>
    <cellStyle name="60% - 强调文字颜色 4" xfId="23" builtinId="44"/>
    <cellStyle name="输出" xfId="24" builtinId="21"/>
    <cellStyle name="计算" xfId="25" builtinId="22"/>
    <cellStyle name="检查单元格" xfId="26" builtinId="23"/>
    <cellStyle name="20% - 强调文字颜色 6" xfId="27" builtinId="50"/>
    <cellStyle name="强调文字颜色 2" xfId="28" builtinId="33"/>
    <cellStyle name="链接单元格" xfId="29" builtinId="24"/>
    <cellStyle name="汇总" xfId="30" builtinId="25"/>
    <cellStyle name="好" xfId="31" builtinId="26"/>
    <cellStyle name="适中" xfId="32" builtinId="28"/>
    <cellStyle name="20% - 强调文字颜色 5" xfId="33" builtinId="46"/>
    <cellStyle name="强调文字颜色 1" xfId="34" builtinId="29"/>
    <cellStyle name="20% - 强调文字颜色 1" xfId="35" builtinId="30"/>
    <cellStyle name="40% - 强调文字颜色 1" xfId="36" builtinId="31"/>
    <cellStyle name="20% - 强调文字颜色 2" xfId="37" builtinId="34"/>
    <cellStyle name="40% - 强调文字颜色 2" xfId="38" builtinId="35"/>
    <cellStyle name="强调文字颜色 3" xfId="39" builtinId="37"/>
    <cellStyle name="强调文字颜色 4" xfId="40" builtinId="41"/>
    <cellStyle name="20% - 强调文字颜色 4" xfId="41" builtinId="42"/>
    <cellStyle name="40% - 强调文字颜色 4" xfId="42" builtinId="43"/>
    <cellStyle name="强调文字颜色 5" xfId="43" builtinId="45"/>
    <cellStyle name="40% - 强调文字颜色 5" xfId="44" builtinId="47"/>
    <cellStyle name="60% - 强调文字颜色 5" xfId="45" builtinId="48"/>
    <cellStyle name="强调文字颜色 6" xfId="46" builtinId="49"/>
    <cellStyle name="40% - 强调文字颜色 6" xfId="47" builtinId="51"/>
    <cellStyle name="60% - 强调文字颜色 6" xfId="48" builtinId="52"/>
    <cellStyle name="常规 13" xfId="49"/>
    <cellStyle name="Normal" xfId="50"/>
  </cellStyle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99" Type="http://schemas.openxmlformats.org/officeDocument/2006/relationships/externalLink" Target="externalLinks/externalLink96.xml"/><Relationship Id="rId98" Type="http://schemas.openxmlformats.org/officeDocument/2006/relationships/externalLink" Target="externalLinks/externalLink95.xml"/><Relationship Id="rId97" Type="http://schemas.openxmlformats.org/officeDocument/2006/relationships/externalLink" Target="externalLinks/externalLink94.xml"/><Relationship Id="rId96" Type="http://schemas.openxmlformats.org/officeDocument/2006/relationships/externalLink" Target="externalLinks/externalLink93.xml"/><Relationship Id="rId95" Type="http://schemas.openxmlformats.org/officeDocument/2006/relationships/externalLink" Target="externalLinks/externalLink92.xml"/><Relationship Id="rId94" Type="http://schemas.openxmlformats.org/officeDocument/2006/relationships/externalLink" Target="externalLinks/externalLink91.xml"/><Relationship Id="rId93" Type="http://schemas.openxmlformats.org/officeDocument/2006/relationships/externalLink" Target="externalLinks/externalLink90.xml"/><Relationship Id="rId92" Type="http://schemas.openxmlformats.org/officeDocument/2006/relationships/externalLink" Target="externalLinks/externalLink89.xml"/><Relationship Id="rId91" Type="http://schemas.openxmlformats.org/officeDocument/2006/relationships/externalLink" Target="externalLinks/externalLink88.xml"/><Relationship Id="rId90" Type="http://schemas.openxmlformats.org/officeDocument/2006/relationships/externalLink" Target="externalLinks/externalLink87.xml"/><Relationship Id="rId9" Type="http://schemas.openxmlformats.org/officeDocument/2006/relationships/externalLink" Target="externalLinks/externalLink6.xml"/><Relationship Id="rId89" Type="http://schemas.openxmlformats.org/officeDocument/2006/relationships/externalLink" Target="externalLinks/externalLink86.xml"/><Relationship Id="rId88" Type="http://schemas.openxmlformats.org/officeDocument/2006/relationships/externalLink" Target="externalLinks/externalLink85.xml"/><Relationship Id="rId87" Type="http://schemas.openxmlformats.org/officeDocument/2006/relationships/externalLink" Target="externalLinks/externalLink84.xml"/><Relationship Id="rId86" Type="http://schemas.openxmlformats.org/officeDocument/2006/relationships/externalLink" Target="externalLinks/externalLink83.xml"/><Relationship Id="rId85" Type="http://schemas.openxmlformats.org/officeDocument/2006/relationships/externalLink" Target="externalLinks/externalLink82.xml"/><Relationship Id="rId84" Type="http://schemas.openxmlformats.org/officeDocument/2006/relationships/externalLink" Target="externalLinks/externalLink81.xml"/><Relationship Id="rId83" Type="http://schemas.openxmlformats.org/officeDocument/2006/relationships/externalLink" Target="externalLinks/externalLink80.xml"/><Relationship Id="rId82" Type="http://schemas.openxmlformats.org/officeDocument/2006/relationships/externalLink" Target="externalLinks/externalLink79.xml"/><Relationship Id="rId81" Type="http://schemas.openxmlformats.org/officeDocument/2006/relationships/externalLink" Target="externalLinks/externalLink78.xml"/><Relationship Id="rId80" Type="http://schemas.openxmlformats.org/officeDocument/2006/relationships/externalLink" Target="externalLinks/externalLink77.xml"/><Relationship Id="rId8" Type="http://schemas.openxmlformats.org/officeDocument/2006/relationships/externalLink" Target="externalLinks/externalLink5.xml"/><Relationship Id="rId79" Type="http://schemas.openxmlformats.org/officeDocument/2006/relationships/externalLink" Target="externalLinks/externalLink76.xml"/><Relationship Id="rId78" Type="http://schemas.openxmlformats.org/officeDocument/2006/relationships/externalLink" Target="externalLinks/externalLink75.xml"/><Relationship Id="rId77" Type="http://schemas.openxmlformats.org/officeDocument/2006/relationships/externalLink" Target="externalLinks/externalLink74.xml"/><Relationship Id="rId76" Type="http://schemas.openxmlformats.org/officeDocument/2006/relationships/externalLink" Target="externalLinks/externalLink73.xml"/><Relationship Id="rId75" Type="http://schemas.openxmlformats.org/officeDocument/2006/relationships/externalLink" Target="externalLinks/externalLink72.xml"/><Relationship Id="rId74" Type="http://schemas.openxmlformats.org/officeDocument/2006/relationships/externalLink" Target="externalLinks/externalLink71.xml"/><Relationship Id="rId73" Type="http://schemas.openxmlformats.org/officeDocument/2006/relationships/externalLink" Target="externalLinks/externalLink70.xml"/><Relationship Id="rId72" Type="http://schemas.openxmlformats.org/officeDocument/2006/relationships/externalLink" Target="externalLinks/externalLink69.xml"/><Relationship Id="rId71" Type="http://schemas.openxmlformats.org/officeDocument/2006/relationships/externalLink" Target="externalLinks/externalLink68.xml"/><Relationship Id="rId70" Type="http://schemas.openxmlformats.org/officeDocument/2006/relationships/externalLink" Target="externalLinks/externalLink67.xml"/><Relationship Id="rId7" Type="http://schemas.openxmlformats.org/officeDocument/2006/relationships/externalLink" Target="externalLinks/externalLink4.xml"/><Relationship Id="rId69" Type="http://schemas.openxmlformats.org/officeDocument/2006/relationships/externalLink" Target="externalLinks/externalLink66.xml"/><Relationship Id="rId68" Type="http://schemas.openxmlformats.org/officeDocument/2006/relationships/externalLink" Target="externalLinks/externalLink65.xml"/><Relationship Id="rId67" Type="http://schemas.openxmlformats.org/officeDocument/2006/relationships/externalLink" Target="externalLinks/externalLink64.xml"/><Relationship Id="rId66" Type="http://schemas.openxmlformats.org/officeDocument/2006/relationships/externalLink" Target="externalLinks/externalLink63.xml"/><Relationship Id="rId65" Type="http://schemas.openxmlformats.org/officeDocument/2006/relationships/externalLink" Target="externalLinks/externalLink62.xml"/><Relationship Id="rId64" Type="http://schemas.openxmlformats.org/officeDocument/2006/relationships/externalLink" Target="externalLinks/externalLink61.xml"/><Relationship Id="rId63" Type="http://schemas.openxmlformats.org/officeDocument/2006/relationships/externalLink" Target="externalLinks/externalLink60.xml"/><Relationship Id="rId62" Type="http://schemas.openxmlformats.org/officeDocument/2006/relationships/externalLink" Target="externalLinks/externalLink59.xml"/><Relationship Id="rId61" Type="http://schemas.openxmlformats.org/officeDocument/2006/relationships/externalLink" Target="externalLinks/externalLink58.xml"/><Relationship Id="rId60" Type="http://schemas.openxmlformats.org/officeDocument/2006/relationships/externalLink" Target="externalLinks/externalLink57.xml"/><Relationship Id="rId6" Type="http://schemas.openxmlformats.org/officeDocument/2006/relationships/externalLink" Target="externalLinks/externalLink3.xml"/><Relationship Id="rId59" Type="http://schemas.openxmlformats.org/officeDocument/2006/relationships/externalLink" Target="externalLinks/externalLink56.xml"/><Relationship Id="rId58" Type="http://schemas.openxmlformats.org/officeDocument/2006/relationships/externalLink" Target="externalLinks/externalLink55.xml"/><Relationship Id="rId57" Type="http://schemas.openxmlformats.org/officeDocument/2006/relationships/externalLink" Target="externalLinks/externalLink54.xml"/><Relationship Id="rId56" Type="http://schemas.openxmlformats.org/officeDocument/2006/relationships/externalLink" Target="externalLinks/externalLink53.xml"/><Relationship Id="rId55" Type="http://schemas.openxmlformats.org/officeDocument/2006/relationships/externalLink" Target="externalLinks/externalLink52.xml"/><Relationship Id="rId54" Type="http://schemas.openxmlformats.org/officeDocument/2006/relationships/externalLink" Target="externalLinks/externalLink51.xml"/><Relationship Id="rId53" Type="http://schemas.openxmlformats.org/officeDocument/2006/relationships/externalLink" Target="externalLinks/externalLink50.xml"/><Relationship Id="rId52" Type="http://schemas.openxmlformats.org/officeDocument/2006/relationships/externalLink" Target="externalLinks/externalLink49.xml"/><Relationship Id="rId51" Type="http://schemas.openxmlformats.org/officeDocument/2006/relationships/externalLink" Target="externalLinks/externalLink48.xml"/><Relationship Id="rId50" Type="http://schemas.openxmlformats.org/officeDocument/2006/relationships/externalLink" Target="externalLinks/externalLink47.xml"/><Relationship Id="rId5" Type="http://schemas.openxmlformats.org/officeDocument/2006/relationships/externalLink" Target="externalLinks/externalLink2.xml"/><Relationship Id="rId49" Type="http://schemas.openxmlformats.org/officeDocument/2006/relationships/externalLink" Target="externalLinks/externalLink46.xml"/><Relationship Id="rId48" Type="http://schemas.openxmlformats.org/officeDocument/2006/relationships/externalLink" Target="externalLinks/externalLink45.xml"/><Relationship Id="rId47" Type="http://schemas.openxmlformats.org/officeDocument/2006/relationships/externalLink" Target="externalLinks/externalLink44.xml"/><Relationship Id="rId46" Type="http://schemas.openxmlformats.org/officeDocument/2006/relationships/externalLink" Target="externalLinks/externalLink43.xml"/><Relationship Id="rId45" Type="http://schemas.openxmlformats.org/officeDocument/2006/relationships/externalLink" Target="externalLinks/externalLink42.xml"/><Relationship Id="rId44" Type="http://schemas.openxmlformats.org/officeDocument/2006/relationships/externalLink" Target="externalLinks/externalLink41.xml"/><Relationship Id="rId43" Type="http://schemas.openxmlformats.org/officeDocument/2006/relationships/externalLink" Target="externalLinks/externalLink40.xml"/><Relationship Id="rId42" Type="http://schemas.openxmlformats.org/officeDocument/2006/relationships/externalLink" Target="externalLinks/externalLink39.xml"/><Relationship Id="rId41" Type="http://schemas.openxmlformats.org/officeDocument/2006/relationships/externalLink" Target="externalLinks/externalLink38.xml"/><Relationship Id="rId40" Type="http://schemas.openxmlformats.org/officeDocument/2006/relationships/externalLink" Target="externalLinks/externalLink37.xml"/><Relationship Id="rId4" Type="http://schemas.openxmlformats.org/officeDocument/2006/relationships/externalLink" Target="externalLinks/externalLink1.xml"/><Relationship Id="rId39" Type="http://schemas.openxmlformats.org/officeDocument/2006/relationships/externalLink" Target="externalLinks/externalLink36.xml"/><Relationship Id="rId38" Type="http://schemas.openxmlformats.org/officeDocument/2006/relationships/externalLink" Target="externalLinks/externalLink35.xml"/><Relationship Id="rId37" Type="http://schemas.openxmlformats.org/officeDocument/2006/relationships/externalLink" Target="externalLinks/externalLink34.xml"/><Relationship Id="rId36" Type="http://schemas.openxmlformats.org/officeDocument/2006/relationships/externalLink" Target="externalLinks/externalLink33.xml"/><Relationship Id="rId35" Type="http://schemas.openxmlformats.org/officeDocument/2006/relationships/externalLink" Target="externalLinks/externalLink32.xml"/><Relationship Id="rId34" Type="http://schemas.openxmlformats.org/officeDocument/2006/relationships/externalLink" Target="externalLinks/externalLink31.xml"/><Relationship Id="rId33" Type="http://schemas.openxmlformats.org/officeDocument/2006/relationships/externalLink" Target="externalLinks/externalLink30.xml"/><Relationship Id="rId32" Type="http://schemas.openxmlformats.org/officeDocument/2006/relationships/externalLink" Target="externalLinks/externalLink29.xml"/><Relationship Id="rId31" Type="http://schemas.openxmlformats.org/officeDocument/2006/relationships/externalLink" Target="externalLinks/externalLink28.xml"/><Relationship Id="rId30" Type="http://schemas.openxmlformats.org/officeDocument/2006/relationships/externalLink" Target="externalLinks/externalLink27.xml"/><Relationship Id="rId3" Type="http://schemas.openxmlformats.org/officeDocument/2006/relationships/worksheet" Target="worksheets/sheet3.xml"/><Relationship Id="rId29" Type="http://schemas.openxmlformats.org/officeDocument/2006/relationships/externalLink" Target="externalLinks/externalLink26.xml"/><Relationship Id="rId28" Type="http://schemas.openxmlformats.org/officeDocument/2006/relationships/externalLink" Target="externalLinks/externalLink25.xml"/><Relationship Id="rId27" Type="http://schemas.openxmlformats.org/officeDocument/2006/relationships/externalLink" Target="externalLinks/externalLink24.xml"/><Relationship Id="rId26" Type="http://schemas.openxmlformats.org/officeDocument/2006/relationships/externalLink" Target="externalLinks/externalLink23.xml"/><Relationship Id="rId25" Type="http://schemas.openxmlformats.org/officeDocument/2006/relationships/externalLink" Target="externalLinks/externalLink22.xml"/><Relationship Id="rId24" Type="http://schemas.openxmlformats.org/officeDocument/2006/relationships/externalLink" Target="externalLinks/externalLink21.xml"/><Relationship Id="rId23" Type="http://schemas.openxmlformats.org/officeDocument/2006/relationships/externalLink" Target="externalLinks/externalLink20.xml"/><Relationship Id="rId223" Type="http://schemas.openxmlformats.org/officeDocument/2006/relationships/sharedStrings" Target="sharedStrings.xml"/><Relationship Id="rId222" Type="http://schemas.openxmlformats.org/officeDocument/2006/relationships/styles" Target="styles.xml"/><Relationship Id="rId221" Type="http://schemas.openxmlformats.org/officeDocument/2006/relationships/theme" Target="theme/theme1.xml"/><Relationship Id="rId220" Type="http://schemas.openxmlformats.org/officeDocument/2006/relationships/externalLink" Target="externalLinks/externalLink217.xml"/><Relationship Id="rId22" Type="http://schemas.openxmlformats.org/officeDocument/2006/relationships/externalLink" Target="externalLinks/externalLink19.xml"/><Relationship Id="rId219" Type="http://schemas.openxmlformats.org/officeDocument/2006/relationships/externalLink" Target="externalLinks/externalLink216.xml"/><Relationship Id="rId218" Type="http://schemas.openxmlformats.org/officeDocument/2006/relationships/externalLink" Target="externalLinks/externalLink215.xml"/><Relationship Id="rId217" Type="http://schemas.openxmlformats.org/officeDocument/2006/relationships/externalLink" Target="externalLinks/externalLink214.xml"/><Relationship Id="rId216" Type="http://schemas.openxmlformats.org/officeDocument/2006/relationships/externalLink" Target="externalLinks/externalLink213.xml"/><Relationship Id="rId215" Type="http://schemas.openxmlformats.org/officeDocument/2006/relationships/externalLink" Target="externalLinks/externalLink212.xml"/><Relationship Id="rId214" Type="http://schemas.openxmlformats.org/officeDocument/2006/relationships/externalLink" Target="externalLinks/externalLink211.xml"/><Relationship Id="rId213" Type="http://schemas.openxmlformats.org/officeDocument/2006/relationships/externalLink" Target="externalLinks/externalLink210.xml"/><Relationship Id="rId212" Type="http://schemas.openxmlformats.org/officeDocument/2006/relationships/externalLink" Target="externalLinks/externalLink209.xml"/><Relationship Id="rId211" Type="http://schemas.openxmlformats.org/officeDocument/2006/relationships/externalLink" Target="externalLinks/externalLink208.xml"/><Relationship Id="rId210" Type="http://schemas.openxmlformats.org/officeDocument/2006/relationships/externalLink" Target="externalLinks/externalLink207.xml"/><Relationship Id="rId21" Type="http://schemas.openxmlformats.org/officeDocument/2006/relationships/externalLink" Target="externalLinks/externalLink18.xml"/><Relationship Id="rId209" Type="http://schemas.openxmlformats.org/officeDocument/2006/relationships/externalLink" Target="externalLinks/externalLink206.xml"/><Relationship Id="rId208" Type="http://schemas.openxmlformats.org/officeDocument/2006/relationships/externalLink" Target="externalLinks/externalLink205.xml"/><Relationship Id="rId207" Type="http://schemas.openxmlformats.org/officeDocument/2006/relationships/externalLink" Target="externalLinks/externalLink204.xml"/><Relationship Id="rId206" Type="http://schemas.openxmlformats.org/officeDocument/2006/relationships/externalLink" Target="externalLinks/externalLink203.xml"/><Relationship Id="rId205" Type="http://schemas.openxmlformats.org/officeDocument/2006/relationships/externalLink" Target="externalLinks/externalLink202.xml"/><Relationship Id="rId204" Type="http://schemas.openxmlformats.org/officeDocument/2006/relationships/externalLink" Target="externalLinks/externalLink201.xml"/><Relationship Id="rId203" Type="http://schemas.openxmlformats.org/officeDocument/2006/relationships/externalLink" Target="externalLinks/externalLink200.xml"/><Relationship Id="rId202" Type="http://schemas.openxmlformats.org/officeDocument/2006/relationships/externalLink" Target="externalLinks/externalLink199.xml"/><Relationship Id="rId201" Type="http://schemas.openxmlformats.org/officeDocument/2006/relationships/externalLink" Target="externalLinks/externalLink198.xml"/><Relationship Id="rId200" Type="http://schemas.openxmlformats.org/officeDocument/2006/relationships/externalLink" Target="externalLinks/externalLink197.xml"/><Relationship Id="rId20" Type="http://schemas.openxmlformats.org/officeDocument/2006/relationships/externalLink" Target="externalLinks/externalLink17.xml"/><Relationship Id="rId2" Type="http://schemas.openxmlformats.org/officeDocument/2006/relationships/worksheet" Target="worksheets/sheet2.xml"/><Relationship Id="rId199" Type="http://schemas.openxmlformats.org/officeDocument/2006/relationships/externalLink" Target="externalLinks/externalLink196.xml"/><Relationship Id="rId198" Type="http://schemas.openxmlformats.org/officeDocument/2006/relationships/externalLink" Target="externalLinks/externalLink195.xml"/><Relationship Id="rId197" Type="http://schemas.openxmlformats.org/officeDocument/2006/relationships/externalLink" Target="externalLinks/externalLink194.xml"/><Relationship Id="rId196" Type="http://schemas.openxmlformats.org/officeDocument/2006/relationships/externalLink" Target="externalLinks/externalLink193.xml"/><Relationship Id="rId195" Type="http://schemas.openxmlformats.org/officeDocument/2006/relationships/externalLink" Target="externalLinks/externalLink192.xml"/><Relationship Id="rId194" Type="http://schemas.openxmlformats.org/officeDocument/2006/relationships/externalLink" Target="externalLinks/externalLink191.xml"/><Relationship Id="rId193" Type="http://schemas.openxmlformats.org/officeDocument/2006/relationships/externalLink" Target="externalLinks/externalLink190.xml"/><Relationship Id="rId192" Type="http://schemas.openxmlformats.org/officeDocument/2006/relationships/externalLink" Target="externalLinks/externalLink189.xml"/><Relationship Id="rId191" Type="http://schemas.openxmlformats.org/officeDocument/2006/relationships/externalLink" Target="externalLinks/externalLink188.xml"/><Relationship Id="rId190" Type="http://schemas.openxmlformats.org/officeDocument/2006/relationships/externalLink" Target="externalLinks/externalLink187.xml"/><Relationship Id="rId19" Type="http://schemas.openxmlformats.org/officeDocument/2006/relationships/externalLink" Target="externalLinks/externalLink16.xml"/><Relationship Id="rId189" Type="http://schemas.openxmlformats.org/officeDocument/2006/relationships/externalLink" Target="externalLinks/externalLink186.xml"/><Relationship Id="rId188" Type="http://schemas.openxmlformats.org/officeDocument/2006/relationships/externalLink" Target="externalLinks/externalLink185.xml"/><Relationship Id="rId187" Type="http://schemas.openxmlformats.org/officeDocument/2006/relationships/externalLink" Target="externalLinks/externalLink184.xml"/><Relationship Id="rId186" Type="http://schemas.openxmlformats.org/officeDocument/2006/relationships/externalLink" Target="externalLinks/externalLink183.xml"/><Relationship Id="rId185" Type="http://schemas.openxmlformats.org/officeDocument/2006/relationships/externalLink" Target="externalLinks/externalLink182.xml"/><Relationship Id="rId184" Type="http://schemas.openxmlformats.org/officeDocument/2006/relationships/externalLink" Target="externalLinks/externalLink181.xml"/><Relationship Id="rId183" Type="http://schemas.openxmlformats.org/officeDocument/2006/relationships/externalLink" Target="externalLinks/externalLink180.xml"/><Relationship Id="rId182" Type="http://schemas.openxmlformats.org/officeDocument/2006/relationships/externalLink" Target="externalLinks/externalLink179.xml"/><Relationship Id="rId181" Type="http://schemas.openxmlformats.org/officeDocument/2006/relationships/externalLink" Target="externalLinks/externalLink178.xml"/><Relationship Id="rId180" Type="http://schemas.openxmlformats.org/officeDocument/2006/relationships/externalLink" Target="externalLinks/externalLink177.xml"/><Relationship Id="rId18" Type="http://schemas.openxmlformats.org/officeDocument/2006/relationships/externalLink" Target="externalLinks/externalLink15.xml"/><Relationship Id="rId179" Type="http://schemas.openxmlformats.org/officeDocument/2006/relationships/externalLink" Target="externalLinks/externalLink176.xml"/><Relationship Id="rId178" Type="http://schemas.openxmlformats.org/officeDocument/2006/relationships/externalLink" Target="externalLinks/externalLink175.xml"/><Relationship Id="rId177" Type="http://schemas.openxmlformats.org/officeDocument/2006/relationships/externalLink" Target="externalLinks/externalLink174.xml"/><Relationship Id="rId176" Type="http://schemas.openxmlformats.org/officeDocument/2006/relationships/externalLink" Target="externalLinks/externalLink173.xml"/><Relationship Id="rId175" Type="http://schemas.openxmlformats.org/officeDocument/2006/relationships/externalLink" Target="externalLinks/externalLink172.xml"/><Relationship Id="rId174" Type="http://schemas.openxmlformats.org/officeDocument/2006/relationships/externalLink" Target="externalLinks/externalLink171.xml"/><Relationship Id="rId173" Type="http://schemas.openxmlformats.org/officeDocument/2006/relationships/externalLink" Target="externalLinks/externalLink170.xml"/><Relationship Id="rId172" Type="http://schemas.openxmlformats.org/officeDocument/2006/relationships/externalLink" Target="externalLinks/externalLink169.xml"/><Relationship Id="rId171" Type="http://schemas.openxmlformats.org/officeDocument/2006/relationships/externalLink" Target="externalLinks/externalLink168.xml"/><Relationship Id="rId170" Type="http://schemas.openxmlformats.org/officeDocument/2006/relationships/externalLink" Target="externalLinks/externalLink167.xml"/><Relationship Id="rId17" Type="http://schemas.openxmlformats.org/officeDocument/2006/relationships/externalLink" Target="externalLinks/externalLink14.xml"/><Relationship Id="rId169" Type="http://schemas.openxmlformats.org/officeDocument/2006/relationships/externalLink" Target="externalLinks/externalLink166.xml"/><Relationship Id="rId168" Type="http://schemas.openxmlformats.org/officeDocument/2006/relationships/externalLink" Target="externalLinks/externalLink165.xml"/><Relationship Id="rId167" Type="http://schemas.openxmlformats.org/officeDocument/2006/relationships/externalLink" Target="externalLinks/externalLink164.xml"/><Relationship Id="rId166" Type="http://schemas.openxmlformats.org/officeDocument/2006/relationships/externalLink" Target="externalLinks/externalLink163.xml"/><Relationship Id="rId165" Type="http://schemas.openxmlformats.org/officeDocument/2006/relationships/externalLink" Target="externalLinks/externalLink162.xml"/><Relationship Id="rId164" Type="http://schemas.openxmlformats.org/officeDocument/2006/relationships/externalLink" Target="externalLinks/externalLink161.xml"/><Relationship Id="rId163" Type="http://schemas.openxmlformats.org/officeDocument/2006/relationships/externalLink" Target="externalLinks/externalLink160.xml"/><Relationship Id="rId162" Type="http://schemas.openxmlformats.org/officeDocument/2006/relationships/externalLink" Target="externalLinks/externalLink159.xml"/><Relationship Id="rId161" Type="http://schemas.openxmlformats.org/officeDocument/2006/relationships/externalLink" Target="externalLinks/externalLink158.xml"/><Relationship Id="rId160" Type="http://schemas.openxmlformats.org/officeDocument/2006/relationships/externalLink" Target="externalLinks/externalLink157.xml"/><Relationship Id="rId16" Type="http://schemas.openxmlformats.org/officeDocument/2006/relationships/externalLink" Target="externalLinks/externalLink13.xml"/><Relationship Id="rId159" Type="http://schemas.openxmlformats.org/officeDocument/2006/relationships/externalLink" Target="externalLinks/externalLink156.xml"/><Relationship Id="rId158" Type="http://schemas.openxmlformats.org/officeDocument/2006/relationships/externalLink" Target="externalLinks/externalLink155.xml"/><Relationship Id="rId157" Type="http://schemas.openxmlformats.org/officeDocument/2006/relationships/externalLink" Target="externalLinks/externalLink154.xml"/><Relationship Id="rId156" Type="http://schemas.openxmlformats.org/officeDocument/2006/relationships/externalLink" Target="externalLinks/externalLink153.xml"/><Relationship Id="rId155" Type="http://schemas.openxmlformats.org/officeDocument/2006/relationships/externalLink" Target="externalLinks/externalLink152.xml"/><Relationship Id="rId154" Type="http://schemas.openxmlformats.org/officeDocument/2006/relationships/externalLink" Target="externalLinks/externalLink151.xml"/><Relationship Id="rId153" Type="http://schemas.openxmlformats.org/officeDocument/2006/relationships/externalLink" Target="externalLinks/externalLink150.xml"/><Relationship Id="rId152" Type="http://schemas.openxmlformats.org/officeDocument/2006/relationships/externalLink" Target="externalLinks/externalLink149.xml"/><Relationship Id="rId151" Type="http://schemas.openxmlformats.org/officeDocument/2006/relationships/externalLink" Target="externalLinks/externalLink148.xml"/><Relationship Id="rId150" Type="http://schemas.openxmlformats.org/officeDocument/2006/relationships/externalLink" Target="externalLinks/externalLink147.xml"/><Relationship Id="rId15" Type="http://schemas.openxmlformats.org/officeDocument/2006/relationships/externalLink" Target="externalLinks/externalLink12.xml"/><Relationship Id="rId149" Type="http://schemas.openxmlformats.org/officeDocument/2006/relationships/externalLink" Target="externalLinks/externalLink146.xml"/><Relationship Id="rId148" Type="http://schemas.openxmlformats.org/officeDocument/2006/relationships/externalLink" Target="externalLinks/externalLink145.xml"/><Relationship Id="rId147" Type="http://schemas.openxmlformats.org/officeDocument/2006/relationships/externalLink" Target="externalLinks/externalLink144.xml"/><Relationship Id="rId146" Type="http://schemas.openxmlformats.org/officeDocument/2006/relationships/externalLink" Target="externalLinks/externalLink143.xml"/><Relationship Id="rId145" Type="http://schemas.openxmlformats.org/officeDocument/2006/relationships/externalLink" Target="externalLinks/externalLink142.xml"/><Relationship Id="rId144" Type="http://schemas.openxmlformats.org/officeDocument/2006/relationships/externalLink" Target="externalLinks/externalLink141.xml"/><Relationship Id="rId143" Type="http://schemas.openxmlformats.org/officeDocument/2006/relationships/externalLink" Target="externalLinks/externalLink140.xml"/><Relationship Id="rId142" Type="http://schemas.openxmlformats.org/officeDocument/2006/relationships/externalLink" Target="externalLinks/externalLink139.xml"/><Relationship Id="rId141" Type="http://schemas.openxmlformats.org/officeDocument/2006/relationships/externalLink" Target="externalLinks/externalLink138.xml"/><Relationship Id="rId140" Type="http://schemas.openxmlformats.org/officeDocument/2006/relationships/externalLink" Target="externalLinks/externalLink137.xml"/><Relationship Id="rId14" Type="http://schemas.openxmlformats.org/officeDocument/2006/relationships/externalLink" Target="externalLinks/externalLink11.xml"/><Relationship Id="rId139" Type="http://schemas.openxmlformats.org/officeDocument/2006/relationships/externalLink" Target="externalLinks/externalLink136.xml"/><Relationship Id="rId138" Type="http://schemas.openxmlformats.org/officeDocument/2006/relationships/externalLink" Target="externalLinks/externalLink135.xml"/><Relationship Id="rId137" Type="http://schemas.openxmlformats.org/officeDocument/2006/relationships/externalLink" Target="externalLinks/externalLink134.xml"/><Relationship Id="rId136" Type="http://schemas.openxmlformats.org/officeDocument/2006/relationships/externalLink" Target="externalLinks/externalLink133.xml"/><Relationship Id="rId135" Type="http://schemas.openxmlformats.org/officeDocument/2006/relationships/externalLink" Target="externalLinks/externalLink132.xml"/><Relationship Id="rId134" Type="http://schemas.openxmlformats.org/officeDocument/2006/relationships/externalLink" Target="externalLinks/externalLink131.xml"/><Relationship Id="rId133" Type="http://schemas.openxmlformats.org/officeDocument/2006/relationships/externalLink" Target="externalLinks/externalLink130.xml"/><Relationship Id="rId132" Type="http://schemas.openxmlformats.org/officeDocument/2006/relationships/externalLink" Target="externalLinks/externalLink129.xml"/><Relationship Id="rId131" Type="http://schemas.openxmlformats.org/officeDocument/2006/relationships/externalLink" Target="externalLinks/externalLink128.xml"/><Relationship Id="rId130" Type="http://schemas.openxmlformats.org/officeDocument/2006/relationships/externalLink" Target="externalLinks/externalLink127.xml"/><Relationship Id="rId13" Type="http://schemas.openxmlformats.org/officeDocument/2006/relationships/externalLink" Target="externalLinks/externalLink10.xml"/><Relationship Id="rId129" Type="http://schemas.openxmlformats.org/officeDocument/2006/relationships/externalLink" Target="externalLinks/externalLink126.xml"/><Relationship Id="rId128" Type="http://schemas.openxmlformats.org/officeDocument/2006/relationships/externalLink" Target="externalLinks/externalLink125.xml"/><Relationship Id="rId127" Type="http://schemas.openxmlformats.org/officeDocument/2006/relationships/externalLink" Target="externalLinks/externalLink124.xml"/><Relationship Id="rId126" Type="http://schemas.openxmlformats.org/officeDocument/2006/relationships/externalLink" Target="externalLinks/externalLink123.xml"/><Relationship Id="rId125" Type="http://schemas.openxmlformats.org/officeDocument/2006/relationships/externalLink" Target="externalLinks/externalLink122.xml"/><Relationship Id="rId124" Type="http://schemas.openxmlformats.org/officeDocument/2006/relationships/externalLink" Target="externalLinks/externalLink121.xml"/><Relationship Id="rId123" Type="http://schemas.openxmlformats.org/officeDocument/2006/relationships/externalLink" Target="externalLinks/externalLink120.xml"/><Relationship Id="rId122" Type="http://schemas.openxmlformats.org/officeDocument/2006/relationships/externalLink" Target="externalLinks/externalLink119.xml"/><Relationship Id="rId121" Type="http://schemas.openxmlformats.org/officeDocument/2006/relationships/externalLink" Target="externalLinks/externalLink118.xml"/><Relationship Id="rId120" Type="http://schemas.openxmlformats.org/officeDocument/2006/relationships/externalLink" Target="externalLinks/externalLink117.xml"/><Relationship Id="rId12" Type="http://schemas.openxmlformats.org/officeDocument/2006/relationships/externalLink" Target="externalLinks/externalLink9.xml"/><Relationship Id="rId119" Type="http://schemas.openxmlformats.org/officeDocument/2006/relationships/externalLink" Target="externalLinks/externalLink116.xml"/><Relationship Id="rId118" Type="http://schemas.openxmlformats.org/officeDocument/2006/relationships/externalLink" Target="externalLinks/externalLink115.xml"/><Relationship Id="rId117" Type="http://schemas.openxmlformats.org/officeDocument/2006/relationships/externalLink" Target="externalLinks/externalLink114.xml"/><Relationship Id="rId116" Type="http://schemas.openxmlformats.org/officeDocument/2006/relationships/externalLink" Target="externalLinks/externalLink113.xml"/><Relationship Id="rId115" Type="http://schemas.openxmlformats.org/officeDocument/2006/relationships/externalLink" Target="externalLinks/externalLink112.xml"/><Relationship Id="rId114" Type="http://schemas.openxmlformats.org/officeDocument/2006/relationships/externalLink" Target="externalLinks/externalLink111.xml"/><Relationship Id="rId113" Type="http://schemas.openxmlformats.org/officeDocument/2006/relationships/externalLink" Target="externalLinks/externalLink110.xml"/><Relationship Id="rId112" Type="http://schemas.openxmlformats.org/officeDocument/2006/relationships/externalLink" Target="externalLinks/externalLink109.xml"/><Relationship Id="rId111" Type="http://schemas.openxmlformats.org/officeDocument/2006/relationships/externalLink" Target="externalLinks/externalLink108.xml"/><Relationship Id="rId110" Type="http://schemas.openxmlformats.org/officeDocument/2006/relationships/externalLink" Target="externalLinks/externalLink107.xml"/><Relationship Id="rId11" Type="http://schemas.openxmlformats.org/officeDocument/2006/relationships/externalLink" Target="externalLinks/externalLink8.xml"/><Relationship Id="rId109" Type="http://schemas.openxmlformats.org/officeDocument/2006/relationships/externalLink" Target="externalLinks/externalLink106.xml"/><Relationship Id="rId108" Type="http://schemas.openxmlformats.org/officeDocument/2006/relationships/externalLink" Target="externalLinks/externalLink105.xml"/><Relationship Id="rId107" Type="http://schemas.openxmlformats.org/officeDocument/2006/relationships/externalLink" Target="externalLinks/externalLink104.xml"/><Relationship Id="rId106" Type="http://schemas.openxmlformats.org/officeDocument/2006/relationships/externalLink" Target="externalLinks/externalLink103.xml"/><Relationship Id="rId105" Type="http://schemas.openxmlformats.org/officeDocument/2006/relationships/externalLink" Target="externalLinks/externalLink102.xml"/><Relationship Id="rId104" Type="http://schemas.openxmlformats.org/officeDocument/2006/relationships/externalLink" Target="externalLinks/externalLink101.xml"/><Relationship Id="rId103" Type="http://schemas.openxmlformats.org/officeDocument/2006/relationships/externalLink" Target="externalLinks/externalLink100.xml"/><Relationship Id="rId102" Type="http://schemas.openxmlformats.org/officeDocument/2006/relationships/externalLink" Target="externalLinks/externalLink99.xml"/><Relationship Id="rId101" Type="http://schemas.openxmlformats.org/officeDocument/2006/relationships/externalLink" Target="externalLinks/externalLink98.xml"/><Relationship Id="rId100" Type="http://schemas.openxmlformats.org/officeDocument/2006/relationships/externalLink" Target="externalLinks/externalLink97.xml"/><Relationship Id="rId10" Type="http://schemas.openxmlformats.org/officeDocument/2006/relationships/externalLink" Target="externalLinks/externalLink7.xml"/><Relationship Id="rId1" Type="http://schemas.openxmlformats.org/officeDocument/2006/relationships/worksheet" Target="worksheets/sheet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-2-54\&#21513;&#26519;&#21326;&#24494;&#21457;&#34892;\WFW311\TEMP\Backup%20of%20Backup%20of%20LINDA%20LISTONE.xlk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149;&#22681;&#24037;&#31243;\2011&#24180;&#26045;&#24037;&#24037;&#31243;\&#37995;&#22612;\&#21512;&#21516;\&#21512;&#21516;2011.5.18&#20462;&#25913;\&#39532;&#24635;&#20462;&#25913;\&#27784;&#39134;&#28165;&#21333;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-2-54\&#21513;&#26519;&#21326;&#24494;&#21457;&#34892;\WFW311\TEMP\fnl-gp2\ToolboxGP\Kor\OSP_Becht_Fin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-2-54\&#21513;&#26519;&#21326;&#24494;&#21457;&#34892;\WFW311\TEMP\GP\tamer\DOS\TEMP\GPTLBX90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Zhangyang\&#20020;&#26102;\&#26143;&#27827;&#25104;&#26412;\WINDOWS\Desktop\5&#12290;21&#38598;&#22242;&#32463;&#33829;&#37096;&#24037;&#20316;&#31649;&#29702;&#26631;&#20934;\&#31649;&#29702;&#24080;&#34920;\1&#32463;&#33829;&#20104;&#12289;&#20915;&#31639;&#31649;&#29702;\&#34920;&#30382;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&#48120;&#47196;&#49340;&#52377;\&#49892;&#54665;&#45236;&#50669;\&#48120;&#47196;&#45800;&#44032;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51077;&#52272;&#54408;&#51032;\2001&#45380;&#44204;&#51201;&#49436;\&#45824;&#50864;&#50696;&#47049;\001123&#44221;&#48512;&#49440;&#48512;&#49328;&#50669;&#49324;&#51613;&#52629;&#44592;&#53440;&#44277;&#49324;(&#54620;&#51473;)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TENDER\2006&#24180;\CW%20%20SOHO\&#25104;&#26412;\Final%20cost%204\&#26397;&#22806;SOHO\060125-&#26397;&#22806;SOHO&#24149;&#22681;&#25307;&#26631;&#22270;&#20840;&#22871;&#36807;&#31243;&#22270;\&#24149;&#22681;&#38754;&#31215;1128&#27979;&#31639;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&#20849;&#20139;\&#28437;&#27827;&#27902;\personal\2006&#24180;\&#25104;&#26412;\Final%20cost%204\&#26397;&#22806;SOHO\060125-&#26397;&#22806;SOHO&#24149;&#22681;&#25307;&#26631;&#22270;&#20840;&#22871;&#36807;&#31243;&#22270;\&#24149;&#22681;&#38754;&#31215;1128&#27979;&#31639;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149;&#22681;&#24037;&#31243;\2011&#24180;&#26045;&#24037;&#24037;&#31243;\&#37995;&#22612;\&#21512;&#21516;\&#21512;&#21516;2011.5.18&#20462;&#25913;\&#39532;&#24635;&#20462;&#25913;\&#24149;&#22681;&#24037;&#31243;\2009&#24180;&#22312;&#26045;&#24037;&#31243;\&#19996;&#26041;&#38134;&#24231;\&#27965;&#21830;&#25253;&#20215;&#21333;&#25253;&#30002;&#26041;&#30830;&#35748;\&#24149;&#22681;&#24037;&#31243;\2009&#24180;&#22312;&#26045;&#24037;&#31243;\&#19996;&#26041;&#38134;&#24231;\&#19996;&#26041;&#38134;&#24231;&#32467;&#31639;&#20070;&#27979;&#31639;\&#35874;&#20025;\&#24037;&#31243;&#32467;&#31639;\&#33322;&#22825;&#19977;&#38498;&#32467;&#31639;\&#19977;&#38498;&#19977;&#37096;&#32508;&#21512;&#35797;&#39564;&#27004;\07&#24180;4&#26376;21&#26085;&#25237;&#26631;&#25253;&#20215;\&#26368;&#32456;&#25237;&#26631;&#30830;&#35748;&#29256;\&#19977;&#38498;&#19977;&#37096;&#35797;&#39564;&#27004;&#25253;&#20215;&#65288;&#25237;&#26631;&#25253;&#20215;&#65289;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6460;&#22269;&#25165;\&#20849;&#20139;\Users\DLS%20KOREA\Documents\&#45348;&#51060;&#53944;&#50728;%20&#48155;&#51008;%20&#54028;&#51068;\20080129_HANOI%20Equipment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6446;&#20140;\0927G2&#22320;&#22359;\&#20248;&#21270;&#35828;&#26126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50;&#25237;&#24037;&#31243;\10&#24180;\&#21271;&#22823;&#22269;&#38469;&#21307;&#38498;&#25972;&#22871;&#25253;&#20215;2010.9.7\&#21271;&#22823;&#22269;&#38469;&#21307;&#38498;&#19968;&#27425;&#25237;&#26631;2010.8.20\&#21271;&#22823;&#22269;&#38469;&#21307;&#38498;&#25104;&#26412;&#26368;&#26032;(2)(1)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2016&#24180;\1.25&#26477;&#24030;&#24066;&#19978;&#22478;&#21306;&#34892;&#25919;&#20013;&#24515;&#21450;&#31185;&#25216;&#25991;&#21270;&#39302;-&#20844;&#24320;&#26631;\&#22823;&#33268;&#25104;&#26412;\http:\tg1a120.mail.163.com\&#24037;&#31243;\&#26032;&#27743;&#28286;&#22478;C5&#22320;&#22359;&#32508;&#21512;&#24320;&#21457;&#39033;&#30446;\&#20462;&#25913;&#25253;&#20215;1108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9579;&#26480;\&#39033;&#30446;&#24037;&#31243;\2015&#24180;\&#19975;&#23478;&#21517;&#22478;(&#20108;&#26399;)&#38109;&#21512;&#37329;&#38376;&#31383;&#24037;&#31243;\&#31532;&#19977;&#27425;&#25253;&#20215;\&#25104;&#26412;\RecoveredExternalLink99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\&#29579;&#26480;\&#39033;&#30446;&#24037;&#31243;\2015&#24180;\&#19975;&#23478;&#21517;&#22478;(&#20108;&#26399;)&#38109;&#21512;&#37329;&#38376;&#31383;&#24037;&#31243;\&#31532;&#19977;&#27425;&#25253;&#20215;\&#25104;&#26412;\RecoveredExternalLink100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\&#29579;&#26480;\&#39033;&#30446;&#24037;&#31243;\2015&#24180;\&#19975;&#23478;&#21517;&#22478;(&#20108;&#26399;)&#38109;&#21512;&#37329;&#38376;&#31383;&#24037;&#31243;\&#31532;&#19977;&#27425;&#25253;&#20215;\&#25104;&#26412;\RecoveredExternalLink102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9734;\finish\&#29664;&#27743;&#26032;&#22478;G4-2\&#29664;&#27743;&#26032;&#22478;G4-2&#24037;&#31243;&#37327;&#28165;&#21333;&#65288;&#21021;&#31295;&#65289;\WINDOWS\Desktop\XLS\YS3.XLS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\&#29579;&#26480;\&#39033;&#30446;&#24037;&#31243;\2015&#24180;\&#19975;&#23478;&#21517;&#22478;(&#20108;&#26399;)&#38109;&#21512;&#37329;&#38376;&#31383;&#24037;&#31243;\&#31532;&#19977;&#27425;&#25253;&#20215;\&#25104;&#26412;\RecoveredExternalLink105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51077;&#52272;&#54408;&#51032;\My%20Documents\&#48128;&#47532;&#50724;&#47112;&#51452;&#52264;&#51109;\&#48128;&#47532;&#51452;&#52264;&#51109;&#49444;&#44228;&#48320;&#44221;\&#48128;&#47532;&#51452;&#52264;&#51109;&#44204;&#51201;\IMSI\DUJUNG2\&#46160;&#51221;2&#52264;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8895;&#33609;&#29664;&#27743;&#22478;\&#24149;&#22681;\20080409&#20840;&#22871;&#22270;&#32440;\&#24037;&#31243;&#37327;&#35745;&#31639;(20080409)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BEI-070\Tender%20Doc\MCTD\draft%208\IDBQ&#31532;&#20108;&#37096;&#20998;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2011&#24180;3&#26376;\&#32511;&#22478;&#8212;&#26477;&#24030;&#35199;&#28330;&#35802;&#22253;&#65288;B-12&#22320;&#22359;&#65289;I&#12289;II&#26631;&#27573;&#24149;&#22681;&#24037;&#31243;\&#27491;&#24335;&#25307;&#26631;&#28165;&#21333;&#25991;&#20214;\&#35199;&#28330;&#35802;&#22253;&#38376;&#31383;&#37096;&#20998;&#28165;&#21333;&#21457;&#20986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44204;&#51201;&#50696;&#49328;&#54016;\&#44204;&#51201;\&#51312;&#54788;&#52384;\&#51088;&#51064;-&#51652;&#47049;\SG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yundai1\sys\harley\excel\&#46020;&#47196;\&#45909;&#54217;-&#55121;&#49437;\TEMP\&#51312;&#51221;3&#50900;13&#51068;&#47308;&#51068;&#49352;&#48317;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project\&#51312;&#45804;\&#48264;&#50689;&#44368;\PROJECT\&#54616;&#49688;&#46020;\&#44305;&#50577;\&#45236;&#50669;&#49436;\&#44305;&#50577;.xls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4608;&#51333;&#54596;\A\My%20Documents\sample\&#45236;&#50669;\Book3.xls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Documents%20and%20Settings\user\&#26700;&#38754;\CAT&#39033;&#30446;&#25307;&#26631;&#25991;&#20214;&#21442;&#32771;\CAT&#39033;&#30446;&#25307;&#26631;&#25991;&#20214;&#21442;&#32771;\&#24037;&#31243;&#37327;&#35745;&#31639;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ZXM\&#21830;&#21153;&#37096;&#36164;&#26009;\&#25105;&#30340;&#31169;&#20154;&#25991;&#20214;\&#39044;&#31639;&#33258;&#21160;&#21270;%20(3)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44608;&#50857;&#44592;\&#50641;&#49472;\GUMI4B2\&#51077;&#52272;&#45236;&#50669;\&#52380;&#50504;-~1\&#52380;&#50504;F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&#51089;&#50629;\My%20Documents\&#44053;&#47497;&#51221;&#49688;\&#49444;&#52824;&#47532;&#49828;&#53944;.xls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yundai1\sys\harley\excel\&#46020;&#47196;\&#45909;&#54217;-&#55121;&#49437;\&#49324;&#50629;2000excell\E&#44397;&#51648;&#46020;\&#47928;&#44305;&#52397;&#52380;\2000year\&#52397;&#52380;&#44396;&#44036;\&#52397;&#52380;&#45909;&#54217;&#44036;\2000&#52397;&#52380;-&#45909;&#54217;&#48156;&#51452;&#54252;&#51109;1.xls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31243;\&#40857;&#28246;\&#40857;&#28246;&#19996;&#26725;&#37089;\&#35199;&#27704;D&#25143;&#22411;&#38376;&#31383;&#22270;20090217\CND\HELENA\&#26126;&#32048;&#34920;%2020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8145;&#22323;&#19977;&#37995;\2009&#24180;\&#23500;&#21147;&#30408;&#21033;\&#24037;&#20316;&#25968;&#25454;\&#23545;&#25307;&#26631;&#20013;&#24515;\&#30408;&#20449;&#22823;&#21414;&#24149;&#22681;&#24037;&#31243;-081112\&#30408;&#20449;&#22823;&#21414;&#24149;&#22681;&#24037;&#31243;-&#25913;081212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31243;\2010&#24180;\&#37197;&#21512;\&#20140;&#27888;\&#34920;&#26684;\&#25104;&#26412;\&#26032;&#28165;&#21333;\&#20140;&#27888;&#21516;&#25104;----&#25104;&#26412;&#65288;&#26032;&#65289;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20316;\2010&#24180;&#24037;&#20316;\1&#26376;\&#25237;&#26631;\&#32034;&#33778;&#20122;\&#25104;&#26412;\&#26143;&#25705;&#23572;\&#26377;&#29992;&#30340;&#34920;&#26684;\&#22825;&#27941;&#20844;&#21496;\2007\&#37197;&#21512;\3&#22825;&#37030;&#21335;&#26041;&#21830;&#22478;\&#26368;&#32456;&#25253;&#20215;&#34920;\3.28\&#38738;&#23707;&#33014;&#24030;&#28286;&#36130;&#23500;&#20013;&#24515;\&#33014;&#24030;&#28286;&#36130;&#23500;&#20013;&#24515;\&#25253;&#20215;&#35745;&#31639;&#34920;8.30.xls" TargetMode="External"/></Relationships>
</file>

<file path=xl/externalLinks/_rels/externalLink1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060;&#50980;&#47784;\&#51060;&#50980;&#47784;\&#54620;&#44508;&#44540;\&#51077;&#52272;\&#48373;&#50868;&#52285;&#44256;\&#44148;&#52629;&#45236;&#50669;.xls" TargetMode="External"/></Relationships>
</file>

<file path=xl/externalLinks/_rels/externalLink1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6460;&#22269;&#25165;\&#20849;&#20139;\&#44397;&#45236;&#44204;&#51201;\&#52380;&#50504;E-MART\&#44204;&#51201;&#44208;&#44284;.xls" TargetMode="External"/></Relationships>
</file>

<file path=xl/externalLinks/_rels/externalLink1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8149;&#51064;&#50865;\(&#48149;&#51064;&#50865;)\&#50641;&#49472;data\&#45800;&#51648;\&#44257;&#48152;&#51221;&#51648;&#44396;.xls" TargetMode="External"/></Relationships>
</file>

<file path=xl/externalLinks/_rels/externalLink13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5237;&#26631;&#24037;&#31243;\&#24037;&#31243;2013\16&#19977;&#27954;\4.23\11.26&#21547;&#37327;\&#22810;&#21151;&#33021;&#21381;&#21547;&#37327;.xls" TargetMode="External"/></Relationships>
</file>

<file path=xl/externalLinks/_rels/externalLink135.xml.rels><?xml version="1.0" encoding="UTF-8" standalone="yes"?>
<Relationships xmlns="http://schemas.openxmlformats.org/package/2006/relationships"><Relationship Id="rId1" Type="http://schemas.openxmlformats.org/officeDocument/2006/relationships/externalLinkPath" Target="\Share\s2\SHG164\5.0-Pre%20Contract%20&#25237;&#26631;\&#19987;&#19994;&#20998;&#21253;&#24037;&#31243;\&#24149;&#22681;&#24037;&#31243;\&#24149;&#22681;&#65288;H1-H4&#65289;\BQ\Users\Administrator\AppData\Local\Microsoft\Windows\Temporary%20Internet%20Files\Content.IE5\YM994QUX\&#24037;&#31243;\&#40857;&#28246;\&#40857;&#28246;&#19996;&#26725;&#37089;\&#35199;&#27704;D&#25143;&#22411;&#38376;&#31383;&#22270;20090217\A-K%20201.XLS" TargetMode="External"/></Relationships>
</file>

<file path=xl/externalLinks/_rels/externalLink13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10\&#26684;&#20848;&#36798;&#35013;&#22791;&#20135;&#19994;&#22253;\&#26045;&#24037;&#31995;&#21015;\&#26045;&#24037;&#39044;&#31639;&#65288;&#31532;&#19968;&#29256;&#65289;\20091231%20&#26684;&#20848;&#36798;&#20135;&#19994;&#22253;-&#26045;&#24037;&#39044;&#31639;(&#31532;&#19968;&#29256;)&#65288;&#32456;&#29256;&#65289;\&#25104;&#26412;&#35745;&#20215;&#26684;&#24335;20080323.xls" TargetMode="External"/></Relationships>
</file>

<file path=xl/externalLinks/_rels/externalLink13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7494;&#27721;\&#24037;&#31243;\&#26080;&#38177;\&#22806;&#24149;&#22681;&#22270;&#32440;\&#26080;&#38177;A&#21306;&#26368;&#21518;&#20462;&#25913;&#22270;&#32440;\&#26080;&#38177;&#28165;&#21333;\2007&#24180;&#24230;&#24037;&#31243;\0802&#20013;&#20896;&#22823;&#21414;\&#22825;&#27941;&#20844;&#21496;\2007\&#37197;&#21512;\3&#22825;&#37030;&#21335;&#26041;&#21830;&#22478;\&#26368;&#32456;&#25253;&#20215;&#34920;\3.28\&#38738;&#23707;&#33014;&#24030;&#28286;&#36130;&#23500;&#20013;&#24515;\&#33014;&#24030;&#28286;&#36130;&#23500;&#20013;&#24515;\&#25253;&#20215;&#35745;&#31639;&#34920;8.30.xls" TargetMode="External"/></Relationships>
</file>

<file path=xl/externalLinks/_rels/externalLink13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31243;\&#40857;&#28246;\&#40857;&#28246;&#19996;&#26725;&#37089;\&#35199;&#27704;D&#25143;&#22411;&#38376;&#31383;&#22270;20090217\&#36865;&#36135;&#21333;.XLS" TargetMode="External"/></Relationships>
</file>

<file path=xl/externalLinks/_rels/externalLink139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31243;\&#40857;&#28246;\&#40857;&#28246;&#19996;&#26725;&#37089;\&#35199;&#27704;D&#25143;&#22411;&#38376;&#31383;&#22270;20090217\WINDOWS\Desktop\CDN\A-K%2020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4608;&#50896;&#48176;\C\EXCEL\JCK\&#49892;&#54665;\&#54868;&#51116;&#45824;&#44396;\&#44208;&#51116;&#49436;&#47448;.XLS" TargetMode="External"/></Relationships>
</file>

<file path=xl/externalLinks/_rels/externalLink140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31243;\2010&#24180;\&#27784;&#38451;&#26032;&#19990;&#30028;&#20250;&#23637;&#20013;&#24515;&#39033;&#30446;&#22823;&#40527;&#39030;&#21450;&#22823;&#40527;&#31435;&#38754;&#24149;&#22681;&#21457;&#21253;&#39033;&#30446;\&#27784;&#38451;&#26032;&#19990;&#30028;&#20250;&#23637;&#20013;&#24515;&#39033;&#30446;&#22823;&#40527;&#39030;&#21450;&#22823;&#40527;&#31435;&#38754;&#24149;&#22681;&#21457;&#21253;&#39033;&#30446;(4&#26376;24&#26085;&#31572;&#30097;&#20462;&#25913;&#25104;&#26412;&#65289;.xls" TargetMode="External"/></Relationships>
</file>

<file path=xl/externalLinks/_rels/externalLink14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31243;\2009\&#26032;&#24314;&#25991;&#20214;&#22841;\&#20964;&#20976;&#33489;&#25104;&#26412;.xls" TargetMode="External"/></Relationships>
</file>

<file path=xl/externalLinks/_rels/externalLink142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1016;&#24076;&#24179;\2007\&#22269;&#32654;\new\&#35745;&#31639;\&#38738;&#23707;&#33014;&#24030;&#28286;&#36130;&#23500;&#20013;&#24515;\&#33014;&#24030;&#28286;&#36130;&#23500;&#20013;&#24515;\&#25253;&#20215;&#35745;&#31639;&#34920;8.30.xls" TargetMode="External"/></Relationships>
</file>

<file path=xl/externalLinks/_rels/externalLink143.xml.rels><?xml version="1.0" encoding="UTF-8" standalone="yes"?>
<Relationships xmlns="http://schemas.openxmlformats.org/package/2006/relationships"><Relationship Id="rId1" Type="http://schemas.openxmlformats.org/officeDocument/2006/relationships/externalLinkPath" Target="\&#27494;&#27721;\&#24037;&#31243;\&#26080;&#38177;\&#22806;&#24149;&#22681;&#22270;&#32440;\&#26080;&#38177;A&#21306;&#26368;&#21518;&#20462;&#25913;&#22270;&#32440;\&#26080;&#38177;&#28165;&#21333;\&#25105;&#30340;&#25991;&#26723;\&#26700;&#38754;\&#19977;&#23777;&#25237;&#26631;&#24037;&#20316;\&#19977;&#23777;&#25237;&#26631;&#24037;&#20316;\&#19977;&#23777;&#25237;&#26631;&#24037;&#20316;\&#20248;&#21270;&#21518;&#25104;&#26412;\&#22825;&#27941;&#20844;&#21496;\2007\&#37197;&#21512;\3&#22825;&#37030;&#21335;&#26041;&#21830;&#22478;\&#26368;&#32456;&#25253;&#20215;&#34920;\3.28\&#38738;&#23707;&#33014;&#24030;&#28286;&#36130;&#23500;&#20013;&#24515;\&#33014;&#24030;&#28286;&#36130;&#23500;&#20013;&#24515;\&#25253;&#20215;&#35745;&#31639;&#34920;8.30.xls" TargetMode="External"/></Relationships>
</file>

<file path=xl/externalLinks/_rels/externalLink144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&#45733;&#46041;&#53552;&#45328;\&#49328;&#52636;&#49436;\&#44221;&#48513;.XLS" TargetMode="External"/></Relationships>
</file>

<file path=xl/externalLinks/_rels/externalLink1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6460;&#22269;&#25165;\&#20849;&#20139;\lck\1.&#44204;&#51201;&#50629;&#47924;\4.&#48124;&#44036;&#44277;&#49324;\&#51221;&#48128;&#44204;&#51201;\2003&#45380;\1.&#49888;&#51221;&#46041;&#48716;&#46377;&#49888;&#52629;\&#44208;&#51116;&#49436;&#47448;\&#49888;&#51221;&#46041;&#48716;&#46377;_&#51077;&#52272;&#54408;&#51032;.xls" TargetMode="External"/></Relationships>
</file>

<file path=xl/externalLinks/_rels/externalLink14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7494;&#27721;\&#24037;&#31243;\&#26080;&#38177;\&#22806;&#24149;&#22681;&#22270;&#32440;\&#26080;&#38177;A&#21306;&#26368;&#21518;&#20462;&#25913;&#22270;&#32440;\&#26080;&#38177;&#28165;&#21333;\&#21016;&#24076;&#24179;\2007\&#22269;&#32654;\new\&#35745;&#31639;\&#38738;&#23707;&#33014;&#24030;&#28286;&#36130;&#23500;&#20013;&#24515;\&#33014;&#24030;&#28286;&#36130;&#23500;&#20013;&#24515;\&#25253;&#20215;&#35745;&#31639;&#34920;8.30.xls" TargetMode="External"/></Relationships>
</file>

<file path=xl/externalLinks/_rels/externalLink1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6460;&#22269;&#25165;\&#20849;&#20139;\&#51088;&#47308;\&#44277;&#45236;&#50669;&#50896;&#48376;\&#53664;&#47785;&#45236;&#50669;-&#54620;&#51204;&#44221;&#48513;&#51648;&#49324;.xls" TargetMode="External"/></Relationships>
</file>

<file path=xl/externalLinks/_rels/externalLink148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&#23452;&#26124;&#19975;&#36798;&#24191;&#22330;\QD\QD2&#26399;\&#24037;&#31243;\&#26080;&#38177;\&#22806;&#24149;&#22681;&#22270;&#32440;\&#26080;&#38177;A&#21306;&#26368;&#21518;&#20462;&#25913;&#22270;&#32440;\&#26080;&#38177;&#28165;&#21333;\&#25105;&#30340;&#25991;&#26723;\&#26700;&#38754;\&#19977;&#23777;&#25237;&#26631;&#24037;&#20316;\&#19977;&#23777;&#25237;&#26631;&#24037;&#20316;\&#19977;&#23777;&#25237;&#26631;&#24037;&#20316;\&#20248;&#21270;&#21518;&#25104;&#26412;\&#22825;&#27941;&#20844;&#21496;\2007\&#37197;&#21512;\3&#22825;&#37030;&#21335;&#26041;&#21830;&#22478;\&#26368;&#32456;&#25253;&#20215;&#34920;\3.28\&#38738;&#23707;&#33014;&#24030;&#28286;&#36130;&#23500;&#20013;&#24515;\&#33014;&#24030;&#28286;&#36130;&#23500;&#20013;&#24515;\&#25253;&#20215;&#35745;&#31639;&#34920;8.30" TargetMode="External"/></Relationships>
</file>

<file path=xl/externalLinks/_rels/externalLink149.xml.rels><?xml version="1.0" encoding="UTF-8" standalone="yes"?>
<Relationships xmlns="http://schemas.openxmlformats.org/package/2006/relationships"><Relationship Id="rId1" Type="http://schemas.openxmlformats.org/officeDocument/2006/relationships/externalLinkPath" Target="\2008\&#25237;&#26631;\&#23436;&#25972;\&#19996;&#39532;&#36335;\&#26368;&#32456;&#24037;&#31243;&#37327;\&#21547;&#37327;\&#38738;&#23707;&#33014;&#24030;&#28286;&#36130;&#23500;&#20013;&#24515;\&#33014;&#24030;&#28286;&#36130;&#23500;&#20013;&#24515;\&#25253;&#20215;&#35745;&#31639;&#34920;8.30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DATA\DataFile\O\DB9604\RevMay97\SHOPLIST.xls" TargetMode="External"/></Relationships>
</file>

<file path=xl/externalLinks/_rels/externalLink150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09&#24180;&#25237;&#26631;&#24037;&#31243;\2009&#24180;&#25237;&#26631;&#24037;&#31243;\&#23500;&#21147;&#30408;&#20449;&#25253;&#20215;\&#30005;&#23376;&#29256;&#25253;&#20215;\&#24037;&#20316;&#25968;&#25454;\&#23545;&#25307;&#26631;&#20013;&#24515;\&#30408;&#20449;&#22823;&#21414;&#24149;&#22681;&#24037;&#31243;-081112\&#30408;&#20449;&#22823;&#21414;&#24149;&#22681;&#24037;&#31243;-&#25913;081212.xls" TargetMode="External"/></Relationships>
</file>

<file path=xl/externalLinks/_rels/externalLink15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6519;&#32943;&#20844;&#22253;3-22\&#21547;&#37327;&#34920;.xls" TargetMode="External"/></Relationships>
</file>

<file path=xl/externalLinks/_rels/externalLink152.xml.rels><?xml version="1.0" encoding="UTF-8" standalone="yes"?>
<Relationships xmlns="http://schemas.openxmlformats.org/package/2006/relationships"><Relationship Id="rId1" Type="http://schemas.openxmlformats.org/officeDocument/2006/relationships/externalLinkPath" Target="\&#27494;&#27721;\&#24037;&#31243;\&#26080;&#38177;\&#22806;&#24149;&#22681;&#22270;&#32440;\&#26080;&#38177;A&#21306;&#26368;&#21518;&#20462;&#25913;&#22270;&#32440;\&#26080;&#38177;&#28165;&#21333;\&#26395;&#20140;A&#21306;&#25307;&#26631;\&#26395;&#20140;&#20303;&#23429;&#22806;&#39280;&#20998;&#21253;\&#22806;&#39280;&#35780;&#26631;\&#26395;&#20140;4&#65283;&#20303;&#23429;&#22806;&#39280;&#28165;&#21333;0610.xls" TargetMode="External"/></Relationships>
</file>

<file path=xl/externalLinks/_rels/externalLink153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1547;&#37327;\&#38738;&#23707;&#33014;&#24030;&#28286;&#36130;&#23500;&#20013;&#24515;\&#33014;&#24030;&#28286;&#36130;&#23500;&#20013;&#24515;\&#25253;&#20215;&#35745;&#31639;&#34920;8.30.xls" TargetMode="External"/></Relationships>
</file>

<file path=xl/externalLinks/_rels/externalLink15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7494;&#27721;\2007&#24180;&#24230;&#24037;&#31243;\0802&#20013;&#20896;&#22823;&#21414;\&#25253;&#20215;\&#25253;&#20215;\&#26395;&#20140;A&#21306;&#25307;&#26631;\&#26395;&#20140;&#20303;&#23429;&#22806;&#39280;&#20998;&#21253;\&#22806;&#39280;&#35780;&#26631;\&#26395;&#20140;4&#65283;&#20303;&#23429;&#22806;&#39280;&#28165;&#21333;0610.xls" TargetMode="External"/></Relationships>
</file>

<file path=xl/externalLinks/_rels/externalLink1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f102\project\HLOTUS\9801J\IL-3.XLS" TargetMode="External"/></Relationships>
</file>

<file path=xl/externalLinks/_rels/externalLink15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5237;&#26631;&#32452;&#25991;&#20214;\&#32771;&#35780;&#21450;&#34920;&#26684;\&#26377;&#29992;&#30340;&#34920;&#26684;\&#22825;&#27941;&#20844;&#21496;\2007\&#37197;&#21512;\3&#22825;&#37030;&#21335;&#26041;&#21830;&#22478;\&#26368;&#32456;&#25253;&#20215;&#34920;\3.28\&#38738;&#23707;&#33014;&#24030;&#28286;&#36130;&#23500;&#20013;&#24515;\&#33014;&#24030;&#28286;&#36130;&#23500;&#20013;&#24515;\&#25253;&#20215;&#35745;&#31639;&#34920;8.30.xls" TargetMode="External"/></Relationships>
</file>

<file path=xl/externalLinks/_rels/externalLink1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TOMOK\WASTE\06&#51312;&#51221;&#51061;\&#49884;&#54868;&#51648;&#44396;\&#49884;&#54868;&#51089;&#50629;.XLS" TargetMode="External"/></Relationships>
</file>

<file path=xl/externalLinks/_rels/externalLink158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&#23452;&#26124;&#19975;&#36798;&#24191;&#22330;\QD\QD2&#26399;\2007&#24180;&#24230;&#24037;&#31243;\0802&#20013;&#20896;&#22823;&#21414;\&#25253;&#20215;\&#25253;&#20215;\&#26395;&#20140;A&#21306;&#25307;&#26631;\&#26395;&#20140;&#20303;&#23429;&#22806;&#39280;&#20998;&#21253;\&#22806;&#39280;&#35780;&#26631;\&#26395;&#20140;4&#65283;&#20303;&#23429;&#22806;&#39280;&#28165;&#21333;0610.xls" TargetMode="External"/></Relationships>
</file>

<file path=xl/externalLinks/_rels/externalLink159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352;&#25919;&#21326;\&#25105;&#30340;&#24037;&#20316;\&#25105;&#30340;&#24037;&#31243;\&#28437;&#27827;&#27902;(&#20108;&#26399;&#19968;&#65289;\E-mail&#25253;&#20215;\&#20108;&#26631;&#27573;\&#24149;&#22681;&#26045;&#24037;&#25307;&#25237;&#26631;\&#24037;&#31243;&#39033;&#30446;\2007&#24180;8&#26376;\&#26477;&#24030;&#26032;&#32511;&#22253;&#65288;&#26045;&#24037;&#65289;\&#25253;&#20215;&#20070;\&#19968;&#26631;&#27573;\&#26032;&#32511;&#22253;&#24037;&#31243;&#37327;&#65288;1&#65289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8149;&#51064;&#50865;\(&#48149;&#51064;&#50865;)\&#50872;&#53944;&#46972;&#45367;%202002\&#51648;&#51088;&#52404;\&#48393;&#49440;&#53469;&#51648;-&#50857;&#49440;ic&#46020;&#47196;(01.30&#51077;&#52272;f)\My%20Documents\Khdata99\&#44288;&#47532;&#52397;\&#49436;&#50872;\&#44053;&#48320;&#48513;&#47196;\My%20Documents\KHDATA\&#44288;&#47532;&#52397;\&#50896;&#45224;-&#50872;&#51652;\&#50896;&#45224;&#50872;&#51652;&#45209;&#52272;&#45236;&#50669;(99.4.13%20&#48512;&#49328;&#52397;).xls" TargetMode="External"/></Relationships>
</file>

<file path=xl/externalLinks/_rels/externalLink1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6460;&#22269;&#25165;\&#20849;&#20139;\my%20workhouse\2008\March\&#32852;&#21512;&#21033;&#21326;\&#32852;&#21512;&#21033;&#21326;2.28\2.28\&#32852;&#21512;&#21033;&#21326;&#26368;&#32456;&#25253;&#20215;\&#36154;&#24635;\05.05.19\&#38144;&#21806;&#36153;&#28165;&#31639;.xls" TargetMode="External"/></Relationships>
</file>

<file path=xl/externalLinks/_rels/externalLink1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c2120\s2\SHG042\MC\&#32467;&#31639;&#23545;&#27604;&#34920;.xls" TargetMode="External"/></Relationships>
</file>

<file path=xl/externalLinks/_rels/externalLink1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engrui\&#20849;&#20139;&#36164;&#26009;&#19987;&#29992;\&#25105;&#30340;&#25991;&#26723;\&#24037;&#31243;\&#26376;&#25253;&#34920;\2006.9&#26376;\&#20184;&#20029;&#21531;\9&#26376;&#25253;&#34920;\&#22799;&#26149;&#24494;\&#22799;&#26149;&#24494;&#23457;&#31639;\&#23578;&#37117;\&#23578;&#37117;&#22270;&#32440;&#32771;&#36807;&#26469;\&#32473;&#35768;&#32769;&#24072;.xls" TargetMode="External"/></Relationships>
</file>

<file path=xl/externalLinks/_rels/externalLink163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5105;&#30340;&#25991;&#26723;\My%20RTX%20Files\40620s\06479\&#36801;&#23433;&#29579;&#24220;&#24037;&#31243;&#37327;&#28165;&#21333;(1).xls" TargetMode="External"/></Relationships>
</file>

<file path=xl/externalLinks/_rels/externalLink16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2235;&#26376;\&#26397;&#38451;&#21338;&#29289;&#39302;\1\9913\Volume%203%20-%20Part%202\bill.xls" TargetMode="External"/></Relationships>
</file>

<file path=xl/externalLinks/_rels/externalLink1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dmj\c\WINDOWS\EXCEL\KIM.XLS" TargetMode="External"/></Relationships>
</file>

<file path=xl/externalLinks/_rels/externalLink166.xml.rels><?xml version="1.0" encoding="UTF-8" standalone="yes"?>
<Relationships xmlns="http://schemas.openxmlformats.org/package/2006/relationships"><Relationship Id="rId1" Type="http://schemas.openxmlformats.org/officeDocument/2006/relationships/externalLinkPath" Target="\Share\s2\SHG164\5.0-Pre%20Contract%20&#25237;&#26631;\&#19987;&#19994;&#20998;&#21253;&#24037;&#31243;\&#24149;&#22681;&#24037;&#31243;\&#24149;&#22681;&#65288;H1-H4&#65289;\BQ\Users\Administrator\AppData\Local\Microsoft\Windows\Temporary%20Internet%20Files\Content.IE5\YM994QUX\&#24037;&#31243;\&#40857;&#28246;\&#40857;&#28246;&#19996;&#26725;&#37089;\&#35199;&#27704;D&#25143;&#22411;&#38376;&#31383;&#22270;20090217\LH\A-K%2020.XLS" TargetMode="External"/></Relationships>
</file>

<file path=xl/externalLinks/_rels/externalLink167.xml.rels><?xml version="1.0" encoding="UTF-8" standalone="yes"?>
<Relationships xmlns="http://schemas.openxmlformats.org/package/2006/relationships"><Relationship Id="rId1" Type="http://schemas.openxmlformats.org/officeDocument/2006/relationships/externalLinkPath" Target="\Share\s2\SHG164\5.0-Pre%20Contract%20&#25237;&#26631;\&#19987;&#19994;&#20998;&#21253;&#24037;&#31243;\&#24149;&#22681;&#24037;&#31243;\&#24149;&#22681;&#65288;H1-H4&#65289;\BQ\Users\Administrator\AppData\Local\Microsoft\Windows\Temporary%20Internet%20Files\Content.IE5\YM994QUX\&#24037;&#31243;\&#40857;&#28246;\&#40857;&#28246;&#19996;&#26725;&#37089;\&#35199;&#27704;D&#25143;&#22411;&#38376;&#31383;&#22270;20090217\A-K%202000.xls" TargetMode="External"/></Relationships>
</file>

<file path=xl/externalLinks/_rels/externalLink16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12&#24180;&#25237;&#26631;\&#27784;&#38451;&#25104;&#26412;\&#38738;&#23707;&#22025;&#24180;&#21326;2010.10.18\&#25991;&#23383;\2009\&#20013;&#22919;&#21307;&#38498;&#20840;&#37096;&#30005;&#23376;&#29256;&#22270;&#32440;\&#21518;&#21220;&#32508;&#21512;&#27004;&#25253;&#20215;&#34920;.xls" TargetMode="External"/></Relationships>
</file>

<file path=xl/externalLinks/_rels/externalLink169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08\&#25237;&#26631;\&#23436;&#25972;\&#19996;&#39532;&#36335;\&#26368;&#32456;&#24037;&#31243;&#37327;\&#21547;&#37327;\&#38738;&#23707;&#33014;&#24030;&#28286;&#36130;&#23500;&#20013;&#24515;\&#33014;&#24030;&#28286;&#36130;&#23500;&#20013;&#24515;\&#25253;&#20215;&#35745;&#31639;&#34920;8.30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&#22825;&#27941;&#20844;&#21496;\&#27491;&#24335;&#25237;&#26631;\07&#27704;&#21644;&#24191;&#22330;\&#27704;&#21644;&#22269;&#38469;&#24191;&#22330;&#25104;&#26412;&#25253;&#20215;\&#26041;&#26696;&#20108;\&#38738;&#23707;&#33014;&#24030;&#28286;&#36130;&#23500;&#20013;&#24515;\&#33014;&#24030;&#28286;&#36130;&#23500;&#20013;&#24515;\&#25253;&#20215;&#35745;&#31639;&#34920;8.30.xls" TargetMode="External"/></Relationships>
</file>

<file path=xl/externalLinks/_rels/externalLink170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10\&#26684;&#20848;&#36798;&#35013;&#22791;&#20135;&#19994;&#22253;\&#26045;&#24037;&#31995;&#21015;\&#26045;&#24037;&#39044;&#31639;&#65288;&#31532;&#19968;&#29256;&#65289;\20091231%20&#26684;&#20848;&#36798;&#20135;&#19994;&#22253;-&#26045;&#24037;&#39044;&#31639;(&#31532;&#19968;&#29256;)&#65288;&#32456;&#29256;&#65289;\&#26631;&#20934;&#26684;&#24335;3-12\&#32735;&#26041;3-13&#28165;&#21333;&#21450;&#31639;&#37327;.xls" TargetMode="External"/></Relationships>
</file>

<file path=xl/externalLinks/_rels/externalLink171.xml.rels><?xml version="1.0" encoding="UTF-8" standalone="yes"?>
<Relationships xmlns="http://schemas.openxmlformats.org/package/2006/relationships"><Relationship Id="rId1" Type="http://schemas.openxmlformats.org/officeDocument/2006/relationships/externalLinkPath" Target="\CN08_Project\SHG204\5.Tender%20&#25237;&#26631;\&#19987;&#19994;&#20998;&#21253;\C3C4&#22806;&#31435;&#38754;\C3C4&#38480;&#20215;\C3C4&#38109;&#21512;&#37329;&#38376;&#31383;&#21450;&#30707;&#26448;&#24149;&#22681;&#38480;&#20215;&#21021;&#31295;2017.6.9%20(&#26368;&#32456;&#65289;\&#20986;&#24046;&#12289;&#24320;&#20250;&#12289;&#23545;&#24080;\SHG120\B2&#26045;&#24037;&#22270;&#39044;&#31639;\&#26045;&#24037;&#22270;&#39044;&#31639;&#65288;&#25968;&#37327;&#26680;&#23545;&#21069;&#65289;-&#31532;&#19968;&#31295;\&#25237;&#26631;&#25253;&#20215;123\&#23425;&#27874;&#39321;&#26684;&#37324;&#25289;&#22320;&#19979;\&#23425;&#27874;&#39321;&#26684;&#37324;&#25289;&#28165;&#21333;10.29xmweb.xls" TargetMode="External"/></Relationships>
</file>

<file path=xl/externalLinks/_rels/externalLink1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44608;&#50857;&#44592;\&#50641;&#49472;\GUMI4B2\&#44396;&#48120;4&#45800;2.XLS" TargetMode="External"/></Relationships>
</file>

<file path=xl/externalLinks/_rels/externalLink1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6460;&#22269;&#25165;\&#20849;&#20139;\&#32763;&#35793;\OVERSEA%20PJ%20TEAM\Hanoi%20City%20Complex\Bid%20Second\TEAM-5\My%20Documents\dacom\&#50896;&#51452;~&#51228;&#52380;\&#50896;&#51452;&#52572;&#51333;\&#53685;&#51068;&#51068;&#50948;1.xls" TargetMode="External"/></Relationships>
</file>

<file path=xl/externalLinks/_rels/externalLink1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51077;&#52272;&#54408;&#51032;\WINDOWS\Temporary%20Internet%20Files\Content.IE5\OZ1L4US9\&#46041;&#51068;-&#50641;&#49472;\2000&#45380;~\3LF-THIN\shop\&#46041;&#51068;-&#50641;&#49472;\MINIMILL\MINI-1.XLS" TargetMode="External"/></Relationships>
</file>

<file path=xl/externalLinks/_rels/externalLink175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&#53664;&#47785;\NAEYUK.XLS" TargetMode="External"/></Relationships>
</file>

<file path=xl/externalLinks/_rels/externalLink1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&#53664;&#47785;&#44204;&#51201;2000\20001005%20%20&#49457;&#44228;&#51648;&#44396;(&#45453;&#50629;&#44592;&#48152;)\HIH\BATGIBAN\&#48173;&#44592;&#48152;97.XLS" TargetMode="External"/></Relationships>
</file>

<file path=xl/externalLinks/_rels/externalLink17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31243;\&#40857;&#28246;\&#40857;&#28246;&#19996;&#26725;&#37089;\&#35199;&#27704;D&#25143;&#22411;&#38376;&#31383;&#22270;20090217\HELENA\&#26126;&#32048;&#34920;%2020.xls" TargetMode="External"/></Relationships>
</file>

<file path=xl/externalLinks/_rels/externalLink178.xml.rels><?xml version="1.0" encoding="UTF-8" standalone="yes"?>
<Relationships xmlns="http://schemas.openxmlformats.org/package/2006/relationships"><Relationship Id="rId1" Type="http://schemas.openxmlformats.org/officeDocument/2006/relationships/externalLinkPath" Target="\Share\s2\SHG164\5.0-Pre%20Contract%20&#25237;&#26631;\&#19987;&#19994;&#20998;&#21253;&#24037;&#31243;\&#24149;&#22681;&#24037;&#31243;\&#24149;&#22681;&#65288;H1-H4&#65289;\BQ\Users\Administrator\AppData\Local\Microsoft\Windows\Temporary%20Internet%20Files\Content.IE5\YM994QUX\&#24037;&#31243;\&#40857;&#28246;\&#40857;&#28246;&#19996;&#26725;&#37089;\&#35199;&#27704;D&#25143;&#22411;&#38376;&#31383;&#22270;20090217\A-K%20201.7.XLS" TargetMode="External"/></Relationships>
</file>

<file path=xl/externalLinks/_rels/externalLink1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project\&#51312;&#45804;\&#48264;&#50689;&#44368;\JBH.DAT\SHEET\ETC\&#44592;&#53440;\BONG-X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31243;&#20219;&#21153;\&#21271;&#20140;\3&#26376;\&#21326;&#30005;&#24037;&#31243;%20%20%20%202012-03-09&#33267;03-26\&#21830;&#21153;&#25991;&#20214;2012-03-26\&#25253;&#20215;&#21450;&#25104;&#26412;&#21333;&#20215;&#20998;&#26512;\&#25253;&#20215;.xls" TargetMode="External"/></Relationships>
</file>

<file path=xl/externalLinks/_rels/externalLink1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060;&#50980;&#47784;\&#51060;&#50980;&#47784;\&#54620;&#44508;&#44540;\&#51077;&#52272;\&#44305;&#51452;&#49884;&#49888;&#52397;&#49324;&#51077;&#52272;(&#52572;&#51333;&#53804;&#52272;)\&#48512;&#45824;&#51077;&#52272;.XLS" TargetMode="External"/></Relationships>
</file>

<file path=xl/externalLinks/_rels/externalLink181.xml.rels><?xml version="1.0" encoding="UTF-8" standalone="yes"?>
<Relationships xmlns="http://schemas.openxmlformats.org/package/2006/relationships"><Relationship Id="rId1" Type="http://schemas.openxmlformats.org/officeDocument/2006/relationships/externalLinkPath" Target="\Share\s2\SHG164\5.0-Pre%20Contract%20&#25237;&#26631;\&#19987;&#19994;&#20998;&#21253;&#24037;&#31243;\&#24149;&#22681;&#24037;&#31243;\&#24149;&#22681;&#65288;H1-H4&#65289;\BQ\Users\Administrator\AppData\Local\Microsoft\Windows\Temporary%20Internet%20Files\Content.IE5\YM994QUX\&#24037;&#31243;\&#40857;&#28246;\&#40857;&#28246;&#19996;&#26725;&#37089;\&#35199;&#27704;D&#25143;&#22411;&#38376;&#31383;&#22270;20090217\PUR1.XLS" TargetMode="External"/></Relationships>
</file>

<file path=xl/externalLinks/_rels/externalLink182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31243;\&#40857;&#28246;\&#40857;&#28246;&#19996;&#26725;&#37089;\&#35199;&#27704;D&#25143;&#22411;&#38376;&#31383;&#22270;20090217\PUR1.XLS" TargetMode="External"/></Relationships>
</file>

<file path=xl/externalLinks/_rels/externalLink1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&#51089;&#50629;\My%20Documents\&#50896;&#51452;&#49345;&#49688;\Valve.xls" TargetMode="External"/></Relationships>
</file>

<file path=xl/externalLinks/_rels/externalLink18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09\&#26032;&#21326;&#20070;&#24215;\&#38472;&#20806;&#28949;\081124&#38472;&#25253;&#20215;%20(version%201)&#26368;&#26032;.xls" TargetMode="External"/></Relationships>
</file>

<file path=xl/externalLinks/_rels/externalLink185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10&#24180;&#65288;&#25237;&#26631;&#24037;&#31243;&#65289;&#36716;&#25442;\2&#26376;&#20221;\2.2&#38738;&#23707;&#38134;&#24231;&#39046;&#28023;&#22269;&#38469;\4&#27425;%20&#38738;&#23707;&#38134;&#24231;3.25\2009&#27963;&#21147;&#24180;%20%20%20%20%20%20%20%20%20&#65288;&#25237;&#26631;&#24037;&#31243;&#65289;\11&#26376;&#20221;\11.9&#27784;&#38451;&#24066;&#24220;&#24658;&#38534;&#65288;&#35033;&#27004;&#65289;\&#25237;&#26631;&#24037;&#31243;\2008&#24180;\08&#24180;&#20013;&#26631;&#24037;&#31243;\&#40527;&#21033;&#24191;&#22330;\&#25237;&#26631;&#24037;&#31243;\2006&#24180;\06&#24180;&#20013;&#26631;&#24037;&#31243;\&#22823;&#36830;&#26102;&#20195;&#24191;&#22330;\WINDOWS\Desktop\5&#12290;21&#38598;&#22242;&#32463;&#33829;&#37096;&#24037;&#20316;&#31649;&#29702;&#26631;&#20934;\&#31649;&#29702;&#24080;&#34920;\1&#32463;&#33829;&#20104;&#12289;&#20915;&#31639;&#31649;&#29702;\&#34920;&#30382;.xls" TargetMode="External"/></Relationships>
</file>

<file path=xl/externalLinks/_rels/externalLink18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0854;&#20182;\lyw\&#37329;&#29790;&#22823;&#21414;&#24149;&#22681;&#24037;&#31243;.xls" TargetMode="External"/></Relationships>
</file>

<file path=xl/externalLinks/_rels/externalLink1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My%20Documents\Khdata99\&#44288;&#47532;&#52397;\&#49436;&#50872;\&#44053;&#48320;&#48513;&#47196;\My%20Documents\KHDATA\&#54620;&#44397;&#51204;&#47141;\&#49888;&#49457;&#45224;-&#44552;&#44257;\&#49888;&#49457;&#45224;&#53804;&#52272;&#45236;&#50669;(1&#48264;&#45236;&#50669;)(2)\KHDATA\&#44288;&#47532;&#52397;\&#45824;&#51204;&#52397;\&#54861;&#49457;&#45224;&#48512;&#50864;&#54924;(10.26%20&#45824;&#51204;&#52397;)\&#54861;&#49457;&#45224;&#48512;(&#54952;&#51088;).xls" TargetMode="External"/></Relationships>
</file>

<file path=xl/externalLinks/_rels/externalLink1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6460;&#22269;&#25165;\&#20849;&#20139;\&#32763;&#35793;\OVERSEA%20PJ%20TEAM\Hanoi%20City%20Complex\Bid%20Second\TEAM-5\WINDOWS\&#48148;&#53461;%20&#54868;&#47732;\dacom\&#51652;&#52380;~&#51613;&#54217;\&#51652;&#52380;,&#51613;&#54217;(9.3).xls" TargetMode="External"/></Relationships>
</file>

<file path=xl/externalLinks/_rels/externalLink1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yundai1\sys\My%20Documents\&#44608;&#54252;&#46020;&#47196;\&#44608;&#54252;&#53804;&#52272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WINDOWS\Desktop\XLS\YS3.XLS" TargetMode="External"/></Relationships>
</file>

<file path=xl/externalLinks/_rels/externalLink1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44204;&#51201;&#50696;&#49328;&#54016;\DATA\EXCEL\&#51077;&#52272;&#44204;&#51201;\98&#44204;&#51201;&#51060;&#47141;\&#48512;&#49328;&#49888;&#54637;\&#53804;&#52272;&#45236;&#50669;\DONG-03.XLS" TargetMode="External"/></Relationships>
</file>

<file path=xl/externalLinks/_rels/externalLink1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44608;&#50857;&#44592;\&#50641;&#49472;\GUMI4B2\&#51077;&#52272;&#45236;&#50669;\&#52380;&#50504;-~1\&#52380;&#50504;F.XLS" TargetMode="External"/></Relationships>
</file>

<file path=xl/externalLinks/_rels/externalLink1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&#51077;&#52272;&#45236;&#50669;\&#44592;&#50500;&#45824;&#44368;\&#44592;&#50500;&#45824;&#44368;.xls" TargetMode="External"/></Relationships>
</file>

<file path=xl/externalLinks/_rels/externalLink1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8149;&#45432;&#49888;\MY%20DOCUMENTS\EXCEL\JCK\&#49892;&#54665;\&#54868;&#51116;&#45824;&#44396;\&#44208;&#51116;&#49436;&#47448;.XLS" TargetMode="External"/></Relationships>
</file>

<file path=xl/externalLinks/_rels/externalLink1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8149;&#51064;&#50865;\(&#48149;&#51064;&#50865;)\My%20Documents\&#53664;&#47785;&#44204;&#51201;2000\2000&#53664;&#47785;&#44204;&#51201;\20000525%20%20&#54868;&#54633;&#45824;&#44368;(&#51204;&#45224;)\My%20Documents\KHDATA\&#44288;&#47532;&#52397;\&#50896;&#45224;-&#50872;&#51652;\&#50896;&#45224;&#50872;&#51652;&#45209;&#52272;&#45236;&#50669;(99.4.13%20&#48512;&#49328;&#52397;).xls" TargetMode="External"/></Relationships>
</file>

<file path=xl/externalLinks/_rels/externalLink1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TOMOK\WASTE\HAK-SW\&#51077;&#52272;&#44208;&#44284;.XLS" TargetMode="External"/></Relationships>
</file>

<file path=xl/externalLinks/_rels/externalLink1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6460;&#22269;&#25165;\&#20849;&#20139;\&#32763;&#35793;\OVERSEA%20PJ%20TEAM\Hanoi%20City%20Complex\Bid%20Second\TEAM-5\My%20Documents\&#54620;&#49556;&#44397;&#49324;\&#45800;&#44032;&#49328;&#52636;.XLS" TargetMode="External"/></Relationships>
</file>

<file path=xl/externalLinks/_rels/externalLink1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4018\c\ESTI96\&#44053;&#51652;&#51109;&#55141;\&#54980;&#45796;&#45236;&#50669;.XLS" TargetMode="External"/></Relationships>
</file>

<file path=xl/externalLinks/_rels/externalLink1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51077;&#52272;&#50504;.xls" TargetMode="External"/></Relationships>
</file>

<file path=xl/externalLinks/_rels/externalLink1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44204;&#51201;&#50696;&#49328;&#54016;\Esti99\&#47560;&#47532;&#49569;&#51221;\&#50629;&#52404;&#48708;&#4436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8149;&#50689;&#49688;\&#44277;&#50976;&#44277;&#50976;\&#44277;&#50976;\&#48169;&#48176;&#46041;&#45236;&#50669;&#49436;(&#52572;&#51333;)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0854;&#20182;&#20154;&#21453;&#26144;&#37096;&#38376;&#38382;&#39064;\&#24191;&#19996;&#21306;&#22495;&#27867;&#19996;&#21335;&#20122;&#38598;&#22242;&#25253;&#20215;&#25104;&#26412;&#26631;&#20934;&#21270;&#26684;&#24335;&#21450;&#23545;&#27492;&#30340;&#20998;&#26512;&#25253;&#21578;\&#24191;&#19996;&#21306;&#22495;&#27867;&#19996;&#21335;&#20122;&#38598;&#22242;&#25253;&#20215;&#25104;&#26412;&#26631;&#20934;&#21270;&#26684;&#24335;&#21450;&#23545;&#27492;&#30340;&#20998;&#26512;&#25253;&#21578;\&#20248;&#21270;%20&#24066;&#25919;&#20465;&#20048;&#37096;(&#31532;&#19968;&#22871;).xls" TargetMode="External"/></Relationships>
</file>

<file path=xl/externalLinks/_rels/externalLink2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yundai1\sys\harley\excel\&#46020;&#47196;\&#45909;&#54217;-&#55121;&#49437;\&#49324;&#50629;2000excell\E&#44397;&#51648;&#46020;\&#47928;&#44305;&#52397;&#52380;\2000year\&#52397;&#52380;&#44396;&#44036;\&#51648;&#52492;&#45909;&#54217;\2000&#51648;&#52492;-&#45909;&#54217;&#48156;&#51452;.xls" TargetMode="External"/></Relationships>
</file>

<file path=xl/externalLinks/_rels/externalLink2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44204;&#51201;&#50696;&#49328;&#54016;\&#51060;&#51221;&#48124;\&#50756;&#46020;&#44400;&#50808;\&#45236;&#50669;\&#50756;&#46020;0420000.xls" TargetMode="External"/></Relationships>
</file>

<file path=xl/externalLinks/_rels/externalLink2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44608;&#50857;&#44592;\&#50641;&#49472;\GUMI4B2\&#51228;&#51452;&#50672;&#46041;.XLS" TargetMode="External"/></Relationships>
</file>

<file path=xl/externalLinks/_rels/externalLink2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88075\&#44277;&#50976;\PROJECT\KANG\HWP\OK\HWP\DF98513\PROJECT\LOAD\BONGSAN\BONG\HWP\OUT\YES.XLS" TargetMode="External"/></Relationships>
</file>

<file path=xl/externalLinks/_rels/externalLink2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&#51077;&#52272;&#45236;&#50669;\&#45800;&#54840;&#44368;\&#45236;&#50669;\&#45800;&#54840;&#44368;.XLS" TargetMode="External"/></Relationships>
</file>

<file path=xl/externalLinks/_rels/externalLink205.xml.rels><?xml version="1.0" encoding="UTF-8" standalone="yes"?>
<Relationships xmlns="http://schemas.openxmlformats.org/package/2006/relationships"><Relationship Id="rId1" Type="http://schemas.openxmlformats.org/officeDocument/2006/relationships/externalLinkPath" Target="\Users\PC202303287\Documents\WeChat%20Files\wxid_on4xeb1bcd7222\FileStorage\File\2023-04\&#22823;&#22530;&#31639;&#37327;.xlsx" TargetMode="External"/></Relationships>
</file>

<file path=xl/externalLinks/_rels/externalLink206.xml.rels><?xml version="1.0" encoding="UTF-8" standalone="yes"?>
<Relationships xmlns="http://schemas.openxmlformats.org/package/2006/relationships"><Relationship Id="rId1" Type="http://schemas.openxmlformats.org/officeDocument/2006/relationships/externalLinkPath" Target="\Users\PC202303287\Documents\WeChat%20Files\wxid_on4xeb1bcd7222\FileStorage\File\2023-04\&#26631;&#20934;&#23618;&#20844;&#21306;&#31639;&#37327;.xlsx" TargetMode="External"/></Relationships>
</file>

<file path=xl/externalLinks/_rels/externalLink207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hz\&#26700;&#38754;\&#29664;&#27743;&#26032;&#22478;E3-1_08&#24180;2&#23395;&#24230;&#26411;&#24418;&#35937;&#36827;&#24230;&#30830;&#35748;&#34920;1.xls" TargetMode="External"/></Relationships>
</file>

<file path=xl/externalLinks/_rels/externalLink2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ww-65512f6ee4a\&#24037;&#20316;%20(f)\&#20132;&#25442;\&#25104;&#26412;&#26680;&#31639;\&#26426;&#26045;&#23545;&#19994;&#20027;&#25253;&#34920;\&#26426;&#26045;&#36827;&#24230;&#27454;\2011&#24180;7&#26376;&#20221;&#36827;&#24230;&#27454;&#30003;&#35831;(&#22303;&#24314;&#35013;&#39280;).xls" TargetMode="External"/></Relationships>
</file>

<file path=xl/externalLinks/_rels/externalLink209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20316;\&#23500;&#28023;&#20108;&#26399;&#65288;&#24191;&#24030;&#22235;&#24314;1&#65289;&#65288;&#19968;&#26631;&#27573;&#65289;&#23545;&#22806;\&#31614;&#35777;\&#20108;&#26399;&#31614;&#35777;&#30446;&#24405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26\MY%20DOCUMENTS\My%20Documents\0679S53A.xls" TargetMode="External"/></Relationships>
</file>

<file path=xl/externalLinks/_rels/externalLink210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new\&#26700;&#38754;\&#23500;&#28023;&#33457;&#22253;\&#31614;&#35777;\&#26045;&#24037;&#29616;&#22330;&#31614;&#35777;.xls" TargetMode="External"/></Relationships>
</file>

<file path=xl/externalLinks/_rels/externalLink211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CT-user\&#26700;&#38754;\&#29664;&#27743;&#26032;&#22478;E3-1\&#29664;&#27743;&#26032;&#22478;E3-1_08&#24180;2&#23395;&#24230;&#26411;&#24418;&#35937;&#36827;&#24230;&#30830;&#35748;&#34920;.xls" TargetMode="External"/></Relationships>
</file>

<file path=xl/externalLinks/_rels/externalLink212.xml.rels><?xml version="1.0" encoding="UTF-8" standalone="yes"?>
<Relationships xmlns="http://schemas.openxmlformats.org/package/2006/relationships"><Relationship Id="rId1" Type="http://schemas.openxmlformats.org/officeDocument/2006/relationships/externalLinkPath" Target="\&#36827;&#24230;(&#20462;&#25913;&#25968;)\&#32467;&#26500;&#28034;&#20214;&#36710;&#38388;&#31532;&#19968;&#27425;&#36827;&#24230;&#25253;&#34920;.xls" TargetMode="External"/></Relationships>
</file>

<file path=xl/externalLinks/_rels/externalLink213.xml.rels><?xml version="1.0" encoding="UTF-8" standalone="yes"?>
<Relationships xmlns="http://schemas.openxmlformats.org/package/2006/relationships"><Relationship Id="rId1" Type="http://schemas.openxmlformats.org/officeDocument/2006/relationships/externalLinkPath" Target="\&#22823;&#23398;&#22478;&#39033;&#30446;\&#22235;&#22320;&#22359;\&#25991;&#21326;\&#32467;&#31639;\&#22797;&#26680;\&#65288;&#26631;&#27573;&#19968;&#65289;&#22823;&#23398;&#22478;&#26143;&#27719;&#25991;&#21326;&#19978;&#30422;&#20027;&#20307;&#32467;&#26500;&#32467;&#31639;20140508\Documents%20and%20Settings\Administrator\&#26700;&#38754;\&#27743;&#21335;&#26032;&#33489;&#20013;&#23398;&#39044;&#31639;\&#20462;&#25913;&#21518;&#39044;&#31639;\&#36827;&#24230;(&#20462;&#25913;&#25968;)\&#32467;&#26500;&#28034;&#20214;&#36710;&#38388;&#31532;&#19968;&#27425;&#36827;&#24230;&#25253;&#34920;.xls" TargetMode="External"/></Relationships>
</file>

<file path=xl/externalLinks/_rels/externalLink21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512;&#21516;&#31649;&#29702;\&#36827;&#24230;&#27454;&#25903;&#20184;\&#19968;&#26631;&#36827;&#24230;&#27454;&#65288;A2&#65289;\&#31532;&#19977;&#21313;&#26399;&#36827;&#24230;&#27454;\2011&#24180;4&#26376;&#31532;30&#26399;&#36827;&#24230;&#27454;(&#23457;&#26680;).xls" TargetMode="External"/></Relationships>
</file>

<file path=xl/externalLinks/_rels/externalLink215.xml.rels><?xml version="1.0" encoding="UTF-8" standalone="yes"?>
<Relationships xmlns="http://schemas.openxmlformats.org/package/2006/relationships"><Relationship Id="rId1" Type="http://schemas.openxmlformats.org/officeDocument/2006/relationships/externalLinkPath" Target="\&#23500;&#28023;&#33457;&#22253;\&#31614;&#35777;\&#26045;&#24037;&#29616;&#22330;&#31614;&#35777;.xls" TargetMode="External"/></Relationships>
</file>

<file path=xl/externalLinks/_rels/externalLink21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494;&#24314;&#19996;&#25991;&#20214;&#22841;\9.&#22823;&#23398;&#22478;&#39033;&#30446;\&#26045;&#24037;&#21333;&#20301;&#30003;&#25253;&#36164;&#26009;\&#26631;&#27573;&#19968;&#22320;&#19979;&#23460;&#32467;&#31639;&#36164;&#26009;&#30005;&#23376;&#29256;\&#32467;&#31639;&#23457;&#26680;&#34920;.xls" TargetMode="External"/></Relationships>
</file>

<file path=xl/externalLinks/_rels/externalLink217.xml.rels><?xml version="1.0" encoding="UTF-8" standalone="yes"?>
<Relationships xmlns="http://schemas.openxmlformats.org/package/2006/relationships"><Relationship Id="rId1" Type="http://schemas.openxmlformats.org/officeDocument/2006/relationships/externalLinkPath" Target="\01%20Janelee\04%20&#20826;&#32676;&#26381;&#21153;&#20013;&#24515;\03%20&#31038;&#21306;&#20826;&#32676;&#26381;&#21153;&#20013;&#24515;&#35013;&#20462;&#24037;&#31243;\07%20&#26093;&#26223;\#REF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1271;&#20140;&#22823;&#21306;&#25237;&#26631;&#39044;&#31639;&#65288;2012&#65289;\&#28595;&#40857;&#24191;&#22330;\&#23425;&#22799;&#20120;&#20803;&#19975;&#35946;&#22823;&#21414;&#24037;&#31243;&#28165;&#21333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555;&#30424;\&#26477;&#24030;&#20844;&#21496;&#26460;&#20426;\&#44552;&#50997;&#48708;&#50857;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2806;&#21333;\wxx\&#21326;&#21335;&#22478;&#20108;&#26399;\&#32442;&#32455;\&#21326;&#21335;&#22478;12.15&#27719;&#24635;\DWG\wxx\&#24037;&#31243;&#37327;&#28165;&#21333;(1207&#20462;&#25913;)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SE0-DWG\&#52404;&#50977;\XLS\ALL-XLS\ULSAN\PRICE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5237;&#26631;&#32852;&#24819;\d\Documents%20and%20Settings\YUCHONGMING\My%20Documents\my%20document\old\&#27700;&#20851;\&#20465;&#20048;&#37096;\&#36896;&#20215;club\&#23457;&#20215;\&#19968;&#23616;&#22235;\&#24320;&#21150;&#36153;&#23457;&#26680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4608;&#51456;&#54840;\&#51060;&#49457;&#44508;%20&#54028;&#51068;\JUNG\W-CAR\96YEAR\W-100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37197;&#21512;&#24037;&#31243;\&#23500;&#35029;&#24191;&#22330;11.9\&#25104;&#26412;&#21450;&#25253;&#20215;\&#38738;&#23707;&#33014;&#24030;&#28286;&#36130;&#23500;&#20013;&#24515;\&#33014;&#24030;&#28286;&#36130;&#23500;&#20013;&#24515;\&#25253;&#20215;&#35745;&#31639;&#34920;8.30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-2-54\&#21513;&#26519;&#21326;&#24494;&#21457;&#34892;\WFW311\TEMP\Spares\FILES\SMCTS2\SMCTSSP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IMSI\DUJUNG2\&#46160;&#51221;2&#52264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01\jhc\unzipped\Eastern%20Airline%20FE\Spares\FILES\SMCTS2\SMCTSSP2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ESTI\&#54644;&#50808;\FED\R-0054\KHM\98&#51452;&#49885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44204;&#51201;&#50696;&#49328;&#54016;\&#51060;&#46041;\&#44204;&#51201;&#50696;&#49328;&#54016;\&#49892;&#54665;&#50696;&#49328;\&#50724;&#54588;&#49828;&#53588;\&#50577;&#54217;&#46041;iaan\1&#52264;\&#50689;&#52380;%20&#47196;&#50564;%20&#48177;&#54868;&#51216;%20&#49888;&#52629;&#44277;&#49324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50756;&#49457;J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20316;\&#22825;&#27941;&#26757;&#27743;&#20250;&#23637;&#20013;&#24515;09-9-29\&#21830;&#21153;\&#25253;&#20215;\09.10.14&#20462;&#25913;\&#24037;&#20316;&#25991;&#20214;&#22841;\&#25105;&#30340;&#24037;&#20316;&#21253;\&#25104;&#26412;&#24037;&#20316;\&#36828;&#27915;&#22823;&#21414;\&#35895;&#30340;&#25991;&#20214;\&#25104;&#26412;&#31649;&#29702;\&#25104;&#26412;&#31649;&#29702;\&#21464;&#26356;\&#36828;&#27915;&#21464;&#26356;&#65288;&#27719;&#24635;&#65289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6\f\XLS\YS3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20316;\&#37027;&#40065;&#28286;%20%2009-1-5\&#23436;&#25104;&#34920;&#26684;\&#35745;&#31639;\&#19990;&#33538;\&#21069;14&#27425;\&#28895;&#21488;&#19990;&#36152;10-24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5505;&#36092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ngchunhua\&#21776;&#26149;&#21326;&#20849;&#20139;\WINDOWS\Desktop\5&#12290;21&#38598;&#22242;&#32463;&#33829;&#37096;&#24037;&#20316;&#31649;&#29702;&#26631;&#20934;\&#31649;&#29702;&#24080;&#34920;\1&#32463;&#33829;&#20104;&#12289;&#20915;&#31639;&#31649;&#29702;\&#34920;&#30382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st4-compar%20NKL%20qty%20base-trade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2001&#44204;&#51201;\&#46041;&#45824;&#44396;&#44256;&#49549;0110\&#49892;&#54665;\&#46041;&#45824;&#44396;1&#44277;&#44396;&#44204;&#51201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-2-54\&#21513;&#26519;&#21326;&#24494;&#21457;&#34892;\WFW311\TEMP\GP\tamer\WINDOWS\GP_AT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Documents%20and%20Settings\01140\&#26700;&#38754;\&#27668;&#21160;&#24320;&#31383;&#22120;&#25968;&#37327;08.10.20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20316;\2009.11.10&#24247;&#25289;&#24503;\&#25307;&#21830;&#23616;&#37202;&#24215;&#35270;&#35273;&#26679;&#26495;&#24037;&#31243;11.11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4861;&#49457;&#48372;DR\C\DATA-1\&#49328;&#52397;-&#49688;&#46041;\EXCEL\&#52384;&#44540;&#49688;&#47049;&#51665;&#44228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\&#34920;&#26684;&#21442;&#32771;\&#36234;&#31168;&#26477;&#24030;&#20844;&#21496;&#21150;&#20844;&#23460;&#31354;&#35843;&#24037;&#31243;&#32467;&#31639;&#21327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149;&#22681;&#24037;&#31243;\2011&#24180;&#25237;&#26631;&#24037;&#31243;\&#25215;&#24503;&#22269;&#38469;&#24191;&#22330;2011.6.9\&#25237;&#26631;&#25253;&#20215;\&#24149;&#22681;&#24037;&#31243;\2009&#24180;&#22312;&#26045;&#24037;&#31243;\&#19996;&#26041;&#38134;&#24231;\&#27965;&#21830;&#25253;&#20215;&#21333;&#25253;&#30002;&#26041;&#30830;&#35748;\2006&#24180;&#24230;&#24037;&#31243;&#25991;&#20214;\&#26032;&#19977;&#37324;&#23663;&#21335;&#21306;&#24037;&#31243;\&#21335;&#21306;8&#26376;5&#26085;&#25253;&#20215;\&#21335;&#21306;S01&#8230;S10&#31532;&#19968;&#36718;&#25253;&#20215;&#65288;B&#29256;&#26045;&#24037;&#22270;&#65289;x1.2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149;&#22681;&#24037;&#31243;\2011&#24180;&#25237;&#26631;&#24037;&#31243;\&#25215;&#24503;&#22269;&#38469;&#24191;&#22330;2011.6.9\&#25237;&#26631;&#25253;&#20215;\&#24149;&#22681;&#24037;&#31243;\2009&#24180;&#22312;&#26045;&#24037;&#31243;\&#19996;&#26041;&#38134;&#24231;\&#27965;&#21830;&#25253;&#20215;&#21333;&#25253;&#30002;&#26041;&#30830;&#35748;\&#24149;&#22681;&#24037;&#31243;\2009&#24180;&#22312;&#26045;&#24037;&#31243;\&#19996;&#26041;&#38134;&#24231;\&#19996;&#26041;&#38134;&#24231;&#32467;&#31639;&#20070;&#27979;&#31639;\&#35874;&#20025;\&#24037;&#31243;&#32467;&#31639;\&#33322;&#22825;&#19977;&#38498;&#32467;&#31639;\&#19977;&#38498;&#19977;&#37096;&#32508;&#21512;&#35797;&#39564;&#27004;\07&#24180;4&#26376;21&#26085;&#25237;&#26631;&#25253;&#20215;\&#26368;&#32456;&#25237;&#26631;&#30830;&#35748;&#29256;\&#19977;&#38498;&#19977;&#37096;&#35797;&#39564;&#27004;&#25253;&#20215;&#65288;&#25237;&#26631;&#25253;&#20215;&#65289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658;&#36890;&#27704;&#36798;\&#20975;&#33589;&#35946;&#22253;\&#20975;&#33589;&#35946;&#22253;&#32467;&#31639;\&#20013;&#24515;&#21306;&#24037;&#31243;&#32467;&#31639;\&#22320;&#19979;&#23460;&#24037;&#31243;\&#38050;&#31563;-&#22522;&#30784;&#26753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31119;&#24314;&#24191;&#25773;&#30005;&#35270;&#20013;&#24515;\&#28436;&#25773;&#20013;&#24515;\&#24314;&#31569;&#22270;&#39044;&#31639;\&#19994;&#20027;\&#28436;&#25773;&#8544;&#65292;&#8545;&#28165;&#21333;&#37327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server\&#21512;&#32422;&#37096;&#20849;&#20139;\&#26790;&#28246;&#39321;&#37089;\&#38050;&#31563;\6#&#38050;&#31563;\&#26495;6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8149;&#50689;&#50616;\&#48149;&#50689;&#50616;\Infoman\TEMP\~($()!^)\My%20Documents\&#50676;&#50976;&#52404;%20BOM\U100%20PILOT%20&#50896;&#44032;&#44160;&#53664;\U100%20FUEL%20FILLER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S\server1\BEI-039\Take-off\MC\&#28895;&#21488;&#38451;&#20809;100&#38050;&#31563;\S1S2&#38050;&#31563;\S2&#35033;&#27004;\&#38451;&#20809;100&#38050;&#31563;\slab-rebar\100-rebar\&#22522;&#30784;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149;&#22681;&#24037;&#31243;\2011&#24180;&#25237;&#26631;&#24037;&#31243;\&#25215;&#24503;&#22269;&#38469;&#24191;&#22330;2011.6.9\&#25237;&#26631;&#25253;&#20215;\&#24149;&#22681;&#24037;&#31243;\2009&#24180;&#22312;&#26045;&#24037;&#31243;\&#19996;&#26041;&#38134;&#24231;\&#27965;&#21830;&#25253;&#20215;&#21333;&#25253;&#30002;&#26041;&#30830;&#35748;\&#27965;&#21830;&#21450;&#26242;&#23450;&#39033;&#30446;&#25253;&#20215;\&#19977;&#37324;&#23663;&#21271;&#21306;&#36164;&#26009;\&#21271;&#21306;&#31532;&#22235;&#36718;&#25253;&#30002;&#26041;\N24&#21306;&#31532;&#20108;&#36718;&#25253;&#20215;&#65288;B&#29256;&#26045;&#24037;&#22270;&#65289;x1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31243;\&#40857;&#28246;\&#40857;&#28246;&#19996;&#26725;&#37089;\&#35199;&#27704;D&#25143;&#22411;&#38376;&#31383;&#22270;20090217\CND\CQU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09\&#20013;&#22919;&#21307;&#38498;&#20840;&#37096;&#30005;&#23376;&#29256;&#22270;&#32440;\&#21518;&#21220;&#32508;&#21512;&#27004;&#25253;&#20215;&#34920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31243;\&#40857;&#28246;\&#40857;&#28246;&#19996;&#26725;&#37089;\&#35199;&#27704;D&#25143;&#22411;&#38376;&#31383;&#22270;20090217\CQU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the%20center%20of%20Hangzhou%20Citiver\&#26032;&#32511;&#22253;&#24037;&#31243;&#37327;&#65288;1&#65289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32451;&#20064;&#24037;&#31243;\&#22825;&#23425;&#24037;&#31243;\&#38738;&#23707;&#33014;&#24030;&#28286;&#36130;&#23500;&#20013;&#24515;\&#33014;&#24030;&#28286;&#36130;&#23500;&#20013;&#24515;\&#25253;&#20215;&#35745;&#31639;&#34920;8.30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31243;\&#40857;&#28246;\&#40857;&#28246;&#19996;&#26725;&#37089;\&#35199;&#27704;D&#25143;&#22411;&#38376;&#31383;&#22270;20090217\&#25253;&#20215;-&#40857;&#28246;719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5105;&#30340;&#24037;&#31243;\&#38738;&#23707;&#26446;&#27815;\&#38738;&#23707;&#24213;&#21830;&#22270;&#32440;9.23&#65288;&#26368;&#32456;&#29992;&#22270;&#65289;\&#38738;&#23707;&#26446;&#27815;&#19975;&#36798;&#24213;&#21830;&#22806;&#24149;&#22681;&#24037;&#31243;&#37327;920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20316;\&#26680;&#20108;&#19977;&#39033;&#30446;&#23384;&#26723;\&#26680;&#30005;&#25104;&#26412;&#65288;&#25105;&#21496;&#37327;&#65289;&#26368;&#26032;&#25913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51201;&#44201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20316;2012\&#30707;&#23478;&#24196;&#22885;&#36842;4S&#24215;\&#25237;&#26631;&#25253;&#20215;\2012&#22885;&#36842;&#25104;&#26412;(1)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CDD\&#26032;&#24314;&#25991;&#20214;&#22841;%20(2)\&#25105;&#21496;&#25104;&#26412;\&#28070;&#19990;&#20013;&#24515;&#25104;&#26412;(&#31446;&#26126;&#27178;&#38544;&#65289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2823;&#36830;&#20013;&#20449;&#24149;&#22681;&#25991;&#20214;\&#20013;&#20449;&#25253;&#20215;\&#24037;&#31243;&#39033;&#30446;\&#39044;&#32467;&#31639;&#39033;&#30446;\&#28023;&#20107;&#22823;&#23398;&#23398;&#26415;&#20013;&#24515;&#39033;&#30446;\&#22303;&#24314;\&#20854;&#23427;&#24213;&#31295;\&#20013;&#36828;&#33337;&#21153;\&#21326;&#38160;&#19990;&#30028;\&#21326;&#38160;&#19990;&#30028;\&#21326;&#38160;&#20027;&#20307;&#21457;&#26631;4.8\wqh\wqhxm\&#36719;&#20214;&#22253;&#39033;&#30446;\&#19977;&#22235;&#20116;&#26631;&#27573;&#25307;&#26631;&#25991;&#20214;\&#24037;&#31243;&#37327;&#20108;&#26631;&#27573;\&#20108;&#26399;&#20108;&#26631;&#27573;&#35780;&#26631;&#20027;&#35201;&#20998;&#26512;1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\f\&#25237;&#26631;&#25991;&#20214;2009&#24180;\7&#26376;\&#32511;&#22478;&#21315;&#23707;&#28246;&#30887;&#27700;&#28165;&#39118;3#&#27004;&#24149;&#22681;&#24037;&#31243;\&#21830;&#21153;&#37096;&#20998;\DOCUME~1\zj\LOCALS~1\Temp\Rar$DI00.906\&#24191;&#36798;&#36719;&#20214;\&#24037;&#31243;&#25991;&#20214;\&#38450;&#28779;&#28034;&#26009;\&#27993;&#27743;&#34218;&#20159;&#30005;&#23376;\&#24037;&#31243;&#27010;&#20917;(&#23433;&#35013;)1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\s1\SHG067\&#23450;&#39069;\&#36153;&#29992;&#34920;(&#30452;&#34920;)1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6395;&#20140;A&#21306;&#25307;&#26631;\&#26395;&#20140;&#20303;&#23429;&#22806;&#39280;&#20998;&#21253;\&#22806;&#39280;&#35780;&#26631;\&#26395;&#20140;4&#65283;&#20303;&#23429;&#22806;&#39280;&#28165;&#21333;0610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6700;&#38754;\01498\TENDER\2006&#24180;\CW%20%20SOHO\&#25104;&#26412;\Final%20cost%204\&#26397;&#22806;SOHO\060125-&#26397;&#22806;SOHO&#24149;&#22681;&#25307;&#26631;&#22270;&#20840;&#22871;&#36807;&#31243;&#22270;\&#24149;&#22681;&#38754;&#31215;1128&#27979;&#31639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&#22825;&#27941;&#20844;&#21496;\2007\&#27491;&#24335;&#25237;&#26631;\6&#26102;&#20195;&#22823;&#21414;\&#25104;&#26412;&#25253;&#20215;\&#38738;&#23707;&#33014;&#24030;&#28286;&#36130;&#23500;&#20013;&#24515;\&#33014;&#24030;&#28286;&#36130;&#23500;&#20013;&#24515;\&#25253;&#20215;&#35745;&#31639;&#34920;8.30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149;&#22681;&#24037;&#31243;\2011&#24180;&#25237;&#26631;&#24037;&#31243;\&#25215;&#24503;&#22269;&#38469;&#24191;&#22330;2011.6.9\&#25237;&#26631;&#25253;&#20215;\&#24149;&#22681;&#24037;&#31243;\2009&#24180;&#22312;&#26045;&#24037;&#31243;\&#19996;&#26041;&#38134;&#24231;\&#27965;&#21830;&#25253;&#20215;&#21333;&#25253;&#30002;&#26041;&#30830;&#35748;\2006&#24180;&#24230;&#24037;&#31243;&#25991;&#20214;\&#26032;&#19977;&#37324;&#23663;&#21335;&#21306;&#24037;&#31243;\&#21335;&#21306;8&#26376;5&#26085;&#25253;&#20215;\&#21335;&#21306;S01&#8230;S10&#31532;&#19968;&#36718;&#25253;&#20215;&#65288;B&#29256;&#26045;&#24037;&#22270;&#65289;x1.2(&#25253;&#30002;&#26041;&#29256;&#65289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149;&#22681;&#24037;&#31243;\2011&#24180;&#25237;&#26631;&#24037;&#31243;\&#25215;&#24503;&#22269;&#38469;&#24191;&#22330;2011.6.9\&#25237;&#26631;&#25253;&#20215;\&#24149;&#22681;&#24037;&#31243;\09&#24180;&#24230;&#25237;&#26631;&#24037;&#31243;&#39033;&#30446;\&#28165;&#21326;&#22823;&#23398;\&#26368;&#32456;\&#25991;&#20214;&#22791;&#20221;\2008&#24180;&#24037;&#31243;\&#21171;&#21153;&#32467;&#31639;&#21450;&#20184;&#27454;\&#21335;&#21306;&#25913;&#36896;&#23545;&#30002;&#26041;\&#21271;&#21306;&#27965;&#21830;\&#21271;&#21306;&#27965;&#21830;&#31532;&#19968;&#37096;&#20998;&#25972;&#29702;\A.&#19968;&#12289;1.N1&#27004;&#21450;&#30456;&#20851;&#39033;&#30446;&#30340;&#24635;&#36896;&#20215;&#65288;&#19981;&#21547;&#20027;&#20837;&#21475;&#38632;&#34028;&#65289;\A.&#19968;&#12289;1.N1&#27004;&#21450;&#30456;&#20851;&#39033;&#30446;&#30340;&#24635;&#36896;&#20215;&#65288;&#19981;&#21547;&#20027;&#20837;&#21475;&#38632;&#34028;&#65289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3457;&#31639;&#25152;&#26377;&#34920;&#26684;\&#25237;&#26631;&#26368;&#21518;&#35268;&#33539;&#34920;&#26684;\&#26377;&#29992;&#30340;&#34920;&#26684;\&#22825;&#27941;&#20844;&#21496;\2007\&#37197;&#21512;\3&#22825;&#37030;&#21335;&#26041;&#21830;&#22478;\&#26368;&#32456;&#25253;&#20215;&#34920;\3.28\&#38738;&#23707;&#33014;&#24030;&#28286;&#36130;&#23500;&#20013;&#24515;\&#33014;&#24030;&#28286;&#36130;&#23500;&#20013;&#24515;\&#25253;&#20215;&#35745;&#31639;&#34920;8.30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5237;&#26631;\&#27704;&#21644;\&#24037;&#31243;&#37327;&#34920;\&#38738;&#23707;&#33014;&#24030;&#28286;&#36130;&#23500;&#20013;&#24515;\&#33014;&#24030;&#28286;&#36130;&#23500;&#20013;&#24515;\&#25253;&#20215;&#35745;&#31639;&#34920;8.30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12&#24180;&#25237;&#26631;\&#27784;&#38451;&#25104;&#26412;\&#38738;&#23707;&#22025;&#24180;&#21326;2010.10.18\&#25991;&#23383;\&#28165;&#21326;\&#25307;&#26631;\&#37329;&#35895;\&#24149;&#22681;\&#37329;&#20043;&#35895;&#24037;&#31243;&#37327;&#28165;&#21333;&#21450;&#25253;&#20215;(&#35774;&#35745;&#20154;&#20570;)\&#37329;&#20043;&#35895;&#37327;&#21333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44204;&#51201;&#50696;&#49328;&#54016;\Esti99\&#54413;&#46041;&#50857;&#46160;\BID(&#53804;&#52272;)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angjianwen\&#9733;&#20849;&#20139;&#9733;\WINDOWS\Desktop\5&#12290;21&#38598;&#22242;&#32463;&#33829;&#37096;&#24037;&#20316;&#31649;&#29702;&#26631;&#20934;\&#31649;&#29702;&#24080;&#34920;\1&#32463;&#33829;&#20104;&#12289;&#20915;&#31639;&#31649;&#29702;\&#34920;&#30382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20316;\&#22825;&#27941;&#26757;&#27743;&#20250;&#23637;&#20013;&#24515;09-9-29\&#21830;&#21153;\&#25253;&#20215;\09.10.14&#20462;&#25913;\0023\&#25105;&#30340;&#24037;&#31243;\U-TOWN\&#25104;&#26412;\&#25104;&#26412;&#38480;&#39069;09.08.25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0013;&#20852;&#36890;&#35759;\&#20013;&#20852;&#36890;&#35759;&#19977;&#26399;&#19968;&#26399;&#25104;&#26412;&#65288;1#&#65289;xls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9888;&#44508;&#50577;\C\PROJECT\DAEGU\LSH\&#54980;&#45796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44608;&#50857;&#44592;\&#50641;&#49472;\GUMI4B2\&#44396;&#48120;4&#45800;2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Documents%20and%20Settings\Administrator\&#26700;&#38754;\&#22235;&#21512;&#24196;&#24037;&#31243;&#37327;&#28165;&#21333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&#24352;&#27426;\&#26080;&#38177;B&#21306;\&#26080;&#38177;&#28165;&#21333;05-27\&#26080;&#38177;B&#21306;\&#20998;&#20116;&#26631;&#27573;\&#19968;&#26631;&#27573;\&#24037;&#31243;\&#26080;&#38177;\&#22806;&#24149;&#22681;&#22270;&#32440;\&#26080;&#38177;A&#21306;&#26368;&#21518;&#20462;&#25913;&#22270;&#32440;\&#26080;&#38177;&#28165;&#21333;\&#26395;&#20140;A&#21306;&#25307;&#26631;\&#26395;&#20140;&#20303;&#23429;&#22806;&#39280;&#20998;&#21253;\&#22806;&#39280;&#35780;&#26631;\&#26395;&#20140;4&#65283;&#20303;&#23429;&#22806;&#39280;&#28165;&#21333;0610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enjie\&#26412;&#22320;&#30913;&#30424;%20(D)\&#24029;&#20449;\&#25552;&#36135;&#21333;2007\&#24029;&#20449;\&#21512;&#21516;\CND\CQU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352;&#25919;&#21326;\&#25105;&#30340;&#24037;&#20316;\&#25105;&#30340;&#24037;&#31243;\&#28437;&#27827;&#27902;(&#20108;&#26399;&#19968;&#65289;\E-mail&#25253;&#20215;\&#20108;&#26631;&#27573;\&#24149;&#22681;&#26045;&#24037;&#25307;&#25237;&#26631;\the%20center%20of%20Hangzhou%20Citiver\&#26032;&#32511;&#22253;&#24037;&#31243;&#37327;&#65288;1&#65289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149;&#22681;&#24037;&#31243;\2011&#24180;&#25237;&#26631;&#24037;&#31243;\&#25215;&#24503;&#22269;&#38469;&#24191;&#22330;2011.6.9\&#25237;&#26631;&#25253;&#20215;\&#24149;&#22681;&#24037;&#31243;\09&#24180;&#24230;&#25237;&#26631;&#24037;&#31243;&#39033;&#30446;\&#28165;&#21326;&#22823;&#23398;\&#26368;&#32456;\&#25991;&#20214;&#22791;&#20221;\2008&#24180;&#24037;&#31243;\&#21171;&#21153;&#32467;&#31639;&#21450;&#20184;&#27454;\&#21335;&#21306;&#25913;&#36896;&#23545;&#30002;&#26041;\&#21271;&#21306;&#31532;&#22235;&#36718;&#25253;&#30002;&#26041;\N158&#21306;&#31532;&#22235;&#36718;&#25253;&#20215;&#65288;B&#29256;&#26045;&#24037;&#22270;&#65289;x1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\&#24037;&#31243;\&#40857;&#28246;\&#40857;&#28246;&#19996;&#26725;&#37089;\&#35199;&#27704;D&#25143;&#22411;&#38376;&#31383;&#22270;20090217\My%20Documents\&#26032;&#24314;&#25991;&#20214;&#22841;\&#27425;&#26009;&#24211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\Documents%20and%20Settings\yanni.wang\Local%20Settings\Temporary%20Internet%20Files\OLK1E\Drive_C\My%20Documents\ATHENEE\Athenee%20Residence\CC\VO\PC%20rate%20work%20sheet-%20wood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angzhiyong\&#30333;&#20113;&#22269;&#38469;&#20250;&#35758;&#20013;&#24515;\WINDOWS\Desktop\5&#12290;21&#38598;&#22242;&#32463;&#33829;&#37096;&#24037;&#20316;&#31649;&#29702;&#26631;&#20934;\&#31649;&#29702;&#24080;&#34920;\1&#32463;&#33829;&#20104;&#12289;&#20915;&#31639;&#31649;&#29702;\&#34920;&#30382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2009\&#26032;&#21326;&#20070;&#24215;\&#27863;&#27946;&#39044;&#3163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24037;&#20316;\&#22825;&#27941;&#26757;&#27743;&#20250;&#23637;&#20013;&#24515;09-9-29\&#21830;&#21153;\&#25253;&#20215;\09.10.14&#20462;&#25913;\&#26032;&#24314;&#25991;&#20214;&#22841;\TENDER\2006&#24180;\CW%20%20SOHO\&#25104;&#26412;\Final%20cost%204\&#26397;&#22806;SOHO\060125-&#26397;&#22806;SOHO&#24149;&#22681;&#25307;&#26631;&#22270;&#20840;&#22871;&#36807;&#31243;&#22270;\&#24149;&#22681;&#38754;&#31215;1128&#27979;&#31639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Work\&#26684;&#24335;\&#20248;&#21270;&#35828;&#26126;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109;&#45909;&#49688;\&#44204;&#51201;&#50696;&#49328;&#54016;\&#50504;&#46041;&#54217;&#51008;\&#50504;&#46041;&#49436;&#54980;\&#46020;&#44553;&#45236;&#50669;(&#52572;&#52488;&#44228;&#50557;)\9701A\OUT\YES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2f-d03\E\&#26032;&#24314;&#25991;&#20214;&#22841;\xiao\y\&#20844;&#36335;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-2-54\&#21513;&#26519;&#21326;&#24494;&#21457;&#34892;\WFW311\TEMP\GP\GP_Ph1\SBB-OIs\Hel-OIs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51060;&#51116;&#54732;\C\&#44204;&#51201;\2002\Fed\R-0012\R-0010\WINDOWS\TEMP\00-R-0038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38472;&#20806;&#28949;2008\&#26149;&#20445;&#38056;&#38050;\081010&#24037;&#31243;&#37327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\&#39033;&#30446;\2015\2&#26376;\&#20445;&#21033;&#28023;&#26848;&#28286;&#19977;&#20122;&#35770;&#22363;&#20013;&#24515;&#37202;&#24215;&#21450;&#20844;&#23507;&#65288;&#28165;&#21333;&#32534;&#21046;&#65289;\&#25237;&#26631;\2013\&#31532;&#19968;&#23395;&#24230;\&#24110;&#24537;\&#40644;&#29756;&#29756;&#37329;&#26124;\92#&#38376;&#31383;&#24037;&#31243;&#37327;&#32479;&#35745;&#34920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44608;&#49345;&#50864;\&#49888;&#45813;&#48176;&#49688;&#54156;&#54532;\&#44033;&#51333;&#54532;&#47196;&#51229;&#53944;\&#44608;&#49345;&#50864;JOB\&#44221;&#49328;&#49688;&#49688;&#49884;&#49444;\&#45236;&#50669;\ILWIPOH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\&#12304;2&#12305;&#25307;&#26631;&#25991;&#20214;\&#12304;5&#12305;&#40548;&#23665;&#31934;&#35013;&#28165;&#21333;+&#38480;&#20215;&#65288;&#32456;&#29256;&#35843;&#25972;&#65289;2017-12-25&#21457;&#32918;&#24037;--&#29256;&#26412;\&#40548;&#23665;&#36234;&#31168;&#26143;&#27719;&#21517;&#24237;&#39033;&#30446;24&#24231;&#21830;&#38138;&#12289;&#26679;&#26495;&#38388;&#21450;&#39033;&#30446;&#21150;&#20844;&#23460;&#31934;&#35013;&#20462;&#24037;&#31243;&#24037;&#31243;&#37327;&#28165;&#21333;(&#26368;&#32456;&#29256;&#28165;&#21333;&#65289;\&#27743;&#38376;&#28526;&#36830;&#26725;&#39033;&#30446;&#26045;&#24037;&#24635;&#25215;&#21253;&#21450;&#24635;&#25215;&#21253;&#31649;&#29702;&#37197;&#21512;&#26381;&#21153;&#24037;&#31243;&#37327;&#28165;&#21333;&#65288;&#26426;&#30005;&#37096;&#20998;&#65289;.xlsx#REF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\Share\s2\SHG164\5.0-Pre%20Contract%20&#25237;&#26631;\&#19987;&#19994;&#20998;&#21253;&#24037;&#31243;\&#24149;&#22681;&#24037;&#31243;\&#24149;&#22681;&#65288;H1-H4&#65289;\BQ\Users\Administrator\AppData\Local\Microsoft\Windows\Temporary%20Internet%20Files\Content.IE5\YM994QUX\&#28895;&#21488;&#36234;&#31168;&#39033;&#30446;\&#28895;&#21488;&#36234;&#31168;&#39033;&#30446;1&#26631;06%20&#20998;&#21253;&#24037;&#31243;01%20&#38109;&#21512;&#37329;&#38376;&#31383;\&#31639;&#37327;\&#31639;&#37327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\&#21271;&#20140;&#20016;&#21488;&#22235;&#21512;&#24196;&#39033;&#30446;\&#28165;&#21333;\&#19978;&#28023;\1.&#19978;&#28023;&#31185;&#25216;&#32511;&#27954;\&#25104;&#26412;&#31574;&#21010;\&#21512;&#21516;&#23457;&#25209;\&#21171;&#21153;\&#36807;&#31243;&#20013;\8.&#38450;&#28779;&#28034;&#26009;\&#38050;&#32467;&#26500;&#22270;&#32440;07.12.25\&#38050;&#32467;&#26500;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arley\excel\&#46020;&#47196;\&#49436;&#54644;&#50504;&#49440;36.1km\&#49436;&#54644;&#50504;(&#53804;&#52272;)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\&#40644;&#36842;%20%20&#24037;&#20316;&#25991;&#20214;&#22841;\2019\2019.12\&#23448;&#28246;&#20108;&#26399;&#22253;&#24314;&#32511;&#21270;&#25307;&#26631;\&#25104;&#26524;&#25991;&#20214;\20200214&#25104;&#26524;&#25991;&#20214;\3%20%20&#22320;&#38081;13&#21495;&#32447;&#23448;&#28246;&#36710;&#36742;&#27573;&#21450;&#19978;&#30422;&#22320;&#22359;&#39033;&#30446;&#65288;&#21472;&#22661;&#21450;&#20013;&#23567;&#23398;&#24188;&#20799;&#22253;&#65289;&#22253;&#24314;&#32511;&#21270;&#24037;&#31243;&#24037;&#31243;&#37327;&#28165;&#21333;&#65288;&#20248;&#21270;&#28165;&#21333;20200213&#65289;.xlsx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46020;&#44553;(244&#50613;).xls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Open"/>
      <sheetName val="工程量"/>
      <sheetName val="3"/>
      <sheetName val="21"/>
      <sheetName val="工程量计算书"/>
      <sheetName val="明細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0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编制说明"/>
      <sheetName val="汇总表"/>
      <sheetName val=" 措施项目 "/>
      <sheetName val="规费"/>
      <sheetName val="主要材料表"/>
      <sheetName val="1#楼"/>
      <sheetName val="2#楼"/>
      <sheetName val="60米以上大面石材"/>
      <sheetName val="60米以下大面石材"/>
      <sheetName val="1"/>
      <sheetName val="2"/>
      <sheetName val="3"/>
      <sheetName val="4"/>
      <sheetName val="5"/>
      <sheetName val="6~12"/>
      <sheetName val="13"/>
      <sheetName val="14"/>
      <sheetName val="15"/>
      <sheetName val="16"/>
      <sheetName val="17"/>
      <sheetName val="18"/>
      <sheetName val="19"/>
      <sheetName val="20"/>
      <sheetName val="21"/>
      <sheetName val="22"/>
      <sheetName val="23"/>
      <sheetName val="24"/>
      <sheetName val="25"/>
      <sheetName val="26"/>
      <sheetName val="27"/>
      <sheetName val="29"/>
      <sheetName val="30"/>
      <sheetName val="31"/>
      <sheetName val="32"/>
      <sheetName val="33"/>
      <sheetName val="34"/>
      <sheetName val="35"/>
      <sheetName val="36"/>
      <sheetName val="37"/>
      <sheetName val="38"/>
      <sheetName val="39"/>
      <sheetName val="40"/>
      <sheetName val="41"/>
      <sheetName val="42"/>
      <sheetName val="43"/>
      <sheetName val="44"/>
      <sheetName val="45"/>
      <sheetName val="46"/>
      <sheetName val="47"/>
      <sheetName val="48"/>
      <sheetName val="49"/>
      <sheetName val="50"/>
      <sheetName val="51"/>
      <sheetName val="52"/>
      <sheetName val="53"/>
      <sheetName val="54"/>
      <sheetName val="55"/>
      <sheetName val="56"/>
      <sheetName val="57"/>
      <sheetName val="工程量"/>
      <sheetName val="SW-TE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</sheetDataSet>
  </externalBook>
</externalLink>
</file>

<file path=xl/externalLinks/externalLink100.xml><?xml version="1.0" encoding="utf-8"?>
<externalLink xmlns="http://schemas.openxmlformats.org/spreadsheetml/2006/main">
  <externalBook xmlns:r="http://schemas.openxmlformats.org/officeDocument/2006/relationships" r:id="rId1">
    <sheetNames>
      <sheetName val="G.1R-Shou COP Gf"/>
      <sheetName val="Main"/>
      <sheetName val="Toolbox"/>
      <sheetName val="#REF!"/>
      <sheetName val="材料价格表(立面）"/>
      <sheetName val="21"/>
      <sheetName val="Bill-2.1（1）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01.xml><?xml version="1.0" encoding="utf-8"?>
<externalLink xmlns="http://schemas.openxmlformats.org/spreadsheetml/2006/main">
  <externalBook xmlns:r="http://schemas.openxmlformats.org/officeDocument/2006/relationships" r:id="rId1">
    <sheetNames>
      <sheetName val="Toolbox"/>
      <sheetName val="G.1R-Shou COP Gf"/>
      <sheetName val="Open"/>
      <sheetName val="承台(砖模) "/>
      <sheetName val="柱"/>
      <sheetName val="SW-TEO"/>
      <sheetName val="#REF!"/>
      <sheetName val="Financ. Overview"/>
      <sheetName val="POWER ASSUMPTIONS"/>
      <sheetName val="材料单价表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02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经营予、决算封皮"/>
      <sheetName val="目录"/>
      <sheetName val="主材价格"/>
      <sheetName val="3"/>
      <sheetName val="装饰汇总"/>
      <sheetName val="XLR_NoRangeSheet"/>
      <sheetName val="8"/>
      <sheetName val="1"/>
      <sheetName val="2"/>
      <sheetName val="4"/>
      <sheetName val="7"/>
      <sheetName val="6"/>
      <sheetName val="面积合计（藏）"/>
      <sheetName val="5"/>
      <sheetName val="投标材料清单 "/>
      <sheetName val="单价"/>
      <sheetName val="Toolbox"/>
      <sheetName val="POWER ASSUMPTIONS"/>
      <sheetName val="G.1R-Shou COP Gf"/>
      <sheetName val="材料单价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03.xml><?xml version="1.0" encoding="utf-8"?>
<externalLink xmlns="http://schemas.openxmlformats.org/spreadsheetml/2006/main">
  <externalBook xmlns:r="http://schemas.openxmlformats.org/officeDocument/2006/relationships" r:id="rId1">
    <sheetNames>
      <sheetName val="BID"/>
      <sheetName val="MAIN"/>
      <sheetName val="J100"/>
      <sheetName val="#REF!"/>
      <sheetName val="전기일위대가"/>
      <sheetName val="S-Hotel"/>
      <sheetName val="费用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104.xml><?xml version="1.0" encoding="utf-8"?>
<externalLink xmlns="http://schemas.openxmlformats.org/spreadsheetml/2006/main">
  <externalBook xmlns:r="http://schemas.openxmlformats.org/officeDocument/2006/relationships" r:id="rId1">
    <sheetNames>
      <sheetName val="유의사항"/>
      <sheetName val="원집계"/>
      <sheetName val="원도급내역서"/>
      <sheetName val="하집계"/>
      <sheetName val="하도급내역서"/>
      <sheetName val="BH단가표"/>
      <sheetName val="토공집계표"/>
      <sheetName val="전기BOX내역서"/>
      <sheetName val="MAIN"/>
      <sheetName val="J100"/>
      <sheetName val="报价明细表"/>
      <sheetName val="裙房"/>
      <sheetName val="明细表"/>
      <sheetName val="전기일위대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05.xml><?xml version="1.0" encoding="utf-8"?>
<externalLink xmlns="http://schemas.openxmlformats.org/spreadsheetml/2006/main">
  <externalBook xmlns:r="http://schemas.openxmlformats.org/officeDocument/2006/relationships" r:id="rId1">
    <sheetNames>
      <sheetName val="按新系统"/>
      <sheetName val="组价"/>
      <sheetName val="汇总"/>
      <sheetName val="改加胶玻璃、室外栏杆"/>
      <sheetName val="塔楼（系统1）"/>
      <sheetName val="1-2层（系统5）"/>
      <sheetName val="附楼外侧立面 (系统2、系统5）"/>
      <sheetName val="系统6（中庭及凹阳台、天桥）"/>
      <sheetName val="入口处及下沉花园"/>
      <sheetName val="核心筒、观光电梯、空调室外机"/>
      <sheetName val="附楼内侧立面铝板及玻璃（系统3 ）"/>
      <sheetName val="裙楼内侧6-11层玻璃铝板（系统4）"/>
      <sheetName val="室外吊顶"/>
      <sheetName val="#REF!"/>
      <sheetName val="含量"/>
      <sheetName val="1"/>
      <sheetName val="2"/>
      <sheetName val="S-Hotel"/>
      <sheetName val="裙房"/>
      <sheetName val="明细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06.xml><?xml version="1.0" encoding="utf-8"?>
<externalLink xmlns="http://schemas.openxmlformats.org/spreadsheetml/2006/main">
  <externalBook xmlns:r="http://schemas.openxmlformats.org/officeDocument/2006/relationships" r:id="rId1">
    <sheetNames>
      <sheetName val="按新系统"/>
      <sheetName val="组价"/>
      <sheetName val="汇总"/>
      <sheetName val="改加胶玻璃、室外栏杆"/>
      <sheetName val="塔楼（系统1）"/>
      <sheetName val="1-2层（系统5）"/>
      <sheetName val="附楼外侧立面 (系统2、系统5）"/>
      <sheetName val="系统6（中庭及凹阳台、天桥）"/>
      <sheetName val="入口处及下沉花园"/>
      <sheetName val="核心筒、观光电梯、空调室外机"/>
      <sheetName val="附楼内侧立面铝板及玻璃（系统3 ）"/>
      <sheetName val="裙楼内侧6-11层玻璃铝板（系统4）"/>
      <sheetName val="室外吊顶"/>
      <sheetName val="토공집계표"/>
      <sheetName val="单价报价明细表"/>
      <sheetName val="내역서"/>
      <sheetName val="S-Hotel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07.xml><?xml version="1.0" encoding="utf-8"?>
<externalLink xmlns="http://schemas.openxmlformats.org/spreadsheetml/2006/main">
  <externalBook xmlns:r="http://schemas.openxmlformats.org/officeDocument/2006/relationships" r:id="rId1">
    <sheetNames>
      <sheetName val="主材价格"/>
      <sheetName val="Sheet1"/>
      <sheetName val="总汇总"/>
      <sheetName val="汇总"/>
      <sheetName val="隐框弧形玻幕"/>
      <sheetName val="隐框平板玻幕"/>
      <sheetName val="铝塑板幕墙"/>
      <sheetName val="屋顶挑檐钢结构包铝塑板"/>
      <sheetName val="屋面倒锥钢网架包铝板"/>
      <sheetName val="铝塑板雨棚"/>
      <sheetName val="阳光板雨棚"/>
      <sheetName val="隔热推拉窗"/>
      <sheetName val="双玻平开门"/>
      <sheetName val="单玻铝条平开门"/>
      <sheetName val="穿孔铝板平开窗"/>
      <sheetName val="铝塑板固定窗"/>
      <sheetName val="改加胶玻璃、室外栏杆"/>
      <sheetName val="#REF!"/>
      <sheetName val="含量"/>
      <sheetName val="대비"/>
      <sheetName val="내역서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08.xml><?xml version="1.0" encoding="utf-8"?>
<externalLink xmlns="http://schemas.openxmlformats.org/spreadsheetml/2006/main">
  <externalBook xmlns:r="http://schemas.openxmlformats.org/officeDocument/2006/relationships" r:id="rId1">
    <sheetNames>
      <sheetName val="080129 Electrical Equipment"/>
      <sheetName val="改加胶玻璃、室外栏杆"/>
      <sheetName val="XLR_NoRangeSheet"/>
      <sheetName val="含量"/>
      <sheetName val="입찰안"/>
      <sheetName val="대비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09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XLR_NoRangeSheet"/>
      <sheetName val="优化说明"/>
      <sheetName val="改加胶玻璃、室外栏杆"/>
      <sheetName val="变量单"/>
      <sheetName val="主材价格"/>
      <sheetName val="입찰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11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广联达材料编码"/>
      <sheetName val="玻璃幕墙加权"/>
      <sheetName val="含量说明"/>
      <sheetName val="分部分项工程清单计价表"/>
      <sheetName val="感染楼新清单"/>
      <sheetName val="感染楼单价分析表"/>
      <sheetName val="科研教学及肿瘤楼新清单"/>
      <sheetName val="肿瘤楼单价"/>
      <sheetName val="住院楼新清单"/>
      <sheetName val="住院楼综合单价"/>
      <sheetName val="含量"/>
      <sheetName val="门诊医技楼新清单"/>
      <sheetName val="门诊医技楼综合单价"/>
      <sheetName val="成本 "/>
      <sheetName val="SW-TEO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10.xml><?xml version="1.0" encoding="utf-8"?>
<externalLink xmlns="http://schemas.openxmlformats.org/spreadsheetml/2006/main">
  <externalBook xmlns:r="http://schemas.openxmlformats.org/officeDocument/2006/relationships" r:id="rId1">
    <sheetNames>
      <sheetName val="封面"/>
      <sheetName val="报价说明"/>
      <sheetName val="主要材料"/>
      <sheetName val="型材米重表"/>
      <sheetName val="50悬窗单价"/>
      <sheetName val="50悬窗汇总"/>
      <sheetName val="50固窗单价"/>
      <sheetName val="50固窗汇总"/>
      <sheetName val="50平门单价"/>
      <sheetName val="50平门汇总"/>
      <sheetName val="80窗单价"/>
      <sheetName val="80推拉窗汇总"/>
      <sheetName val="80门单价"/>
      <sheetName val="80推拉门汇总"/>
      <sheetName val="50百叶窗单价"/>
      <sheetName val="50百叶窗汇总"/>
      <sheetName val="报价细目表"/>
      <sheetName val="XLR_NoRangeSheet"/>
      <sheetName val="材料单价表"/>
      <sheetName val="主材价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11.xml><?xml version="1.0" encoding="utf-8"?>
<externalLink xmlns="http://schemas.openxmlformats.org/spreadsheetml/2006/main">
  <externalBook xmlns:r="http://schemas.openxmlformats.org/officeDocument/2006/relationships" r:id="rId1">
    <sheetNames>
      <sheetName val="Template"/>
      <sheetName val="XLR_NoRangeSheet"/>
      <sheetName val="BID"/>
      <sheetName val="材料单价表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12.xml><?xml version="1.0" encoding="utf-8"?>
<externalLink xmlns="http://schemas.openxmlformats.org/spreadsheetml/2006/main">
  <externalBook xmlns:r="http://schemas.openxmlformats.org/officeDocument/2006/relationships" r:id="rId1">
    <sheetNames>
      <sheetName val="Template"/>
      <sheetName val="XLR_NoRangeSheet"/>
      <sheetName val="Main"/>
      <sheetName val="BID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13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封面"/>
      <sheetName val="总价表"/>
      <sheetName val="汇总表"/>
      <sheetName val="汇总"/>
      <sheetName val="清单计价"/>
      <sheetName val="其他计价"/>
      <sheetName val="措施计价"/>
      <sheetName val="零星"/>
      <sheetName val="单价分析"/>
      <sheetName val="措施分析"/>
      <sheetName val="主材"/>
      <sheetName val="成本"/>
      <sheetName val="工程量"/>
      <sheetName val="齐鲁含量"/>
      <sheetName val="报价明细表"/>
      <sheetName val="Sheet4"/>
      <sheetName val="Sheet1"/>
      <sheetName val="XLR_NoRangeSheet"/>
      <sheetName val="材料单价表"/>
      <sheetName val="Ma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14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清单1-裙楼Ea"/>
      <sheetName val="计算稿"/>
      <sheetName val="材料单价表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15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清单1-裙楼Ea"/>
      <sheetName val="차액보증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16.xml><?xml version="1.0" encoding="utf-8"?>
<externalLink xmlns="http://schemas.openxmlformats.org/spreadsheetml/2006/main">
  <externalBook xmlns:r="http://schemas.openxmlformats.org/officeDocument/2006/relationships" r:id="rId1">
    <sheetNames>
      <sheetName val="골조시행"/>
      <sheetName val="부지현황"/>
      <sheetName val="목록"/>
      <sheetName val="공사개요"/>
      <sheetName val="파스콘"/>
      <sheetName val="견적의뢰"/>
      <sheetName val="목창호재견적"/>
      <sheetName val="바닥재"/>
      <sheetName val="도면CHECK"/>
      <sheetName val="사진첩"/>
      <sheetName val="출장정리"/>
      <sheetName val="골조-101"/>
      <sheetName val="골조-102"/>
      <sheetName val="골조-103"/>
      <sheetName val="골조-105"/>
      <sheetName val="바닥면정리"/>
      <sheetName val="창호-101"/>
      <sheetName val="창호-102&amp;104"/>
      <sheetName val="창호-103"/>
      <sheetName val="창호-105"/>
      <sheetName val="창호-TOT"/>
      <sheetName val="창호-부속동"/>
      <sheetName val="파일길이"/>
      <sheetName val="xxxxxx"/>
      <sheetName val="품의"/>
      <sheetName val="가실행정리"/>
      <sheetName val="원가계산서(남측)"/>
      <sheetName val="일위대가"/>
      <sheetName val="실행철강하도"/>
      <sheetName val="토공집계표"/>
      <sheetName val="改加胶玻璃、室外栏杆"/>
      <sheetName val="#REF!"/>
      <sheetName val="차액보증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117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南北立面"/>
      <sheetName val="零星"/>
      <sheetName val="东西立面"/>
      <sheetName val="20080125招标图纸工程量(南北)"/>
      <sheetName val="20080125(东西)"/>
      <sheetName val="20080125会议中心"/>
      <sheetName val="工程量汇总"/>
      <sheetName val="铝材含量(迈进图纸提供)"/>
      <sheetName val="20080409南北面"/>
      <sheetName val="20080409东西 "/>
      <sheetName val="20080409东西  (有电动遮阳百叶)"/>
      <sheetName val="20080409会议中心 "/>
      <sheetName val="20080409其他"/>
      <sheetName val="20080409汇总"/>
      <sheetName val="#REF"/>
      <sheetName val="8"/>
      <sheetName val="2"/>
      <sheetName val="6"/>
      <sheetName val="面积合计（藏）"/>
      <sheetName val="7"/>
      <sheetName val="3"/>
      <sheetName val="4"/>
      <sheetName val="投标材料清单 "/>
      <sheetName val="5"/>
      <sheetName val="1"/>
      <sheetName val="G2TempSheet"/>
      <sheetName val="单价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118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Part A"/>
      <sheetName val="前言"/>
      <sheetName val="1"/>
      <sheetName val="2.1"/>
      <sheetName val="2.2"/>
      <sheetName val="2.3"/>
      <sheetName val="2.sum"/>
      <sheetName val="3.1"/>
      <sheetName val="3.2"/>
      <sheetName val="3.3"/>
      <sheetName val="3.4"/>
      <sheetName val="3.5"/>
      <sheetName val="3.sum"/>
      <sheetName val="4.1"/>
      <sheetName val="4.2"/>
      <sheetName val="4.3"/>
      <sheetName val="4.sum"/>
      <sheetName val="GS2"/>
      <sheetName val="8"/>
      <sheetName val="2"/>
      <sheetName val="6"/>
      <sheetName val="面积合计（藏）"/>
      <sheetName val="7"/>
      <sheetName val="3"/>
      <sheetName val="4"/>
      <sheetName val="投标材料清单 "/>
      <sheetName val="5"/>
      <sheetName val="单价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119.xml><?xml version="1.0" encoding="utf-8"?>
<externalLink xmlns="http://schemas.openxmlformats.org/spreadsheetml/2006/main">
  <externalBook xmlns:r="http://schemas.openxmlformats.org/officeDocument/2006/relationships" r:id="rId1">
    <sheetNames>
      <sheetName val="价格汇总"/>
      <sheetName val="2#楼门窗"/>
      <sheetName val="3#楼门窗"/>
      <sheetName val="4#楼门窗"/>
      <sheetName val="5#楼门窗"/>
      <sheetName val="6#楼门窗"/>
      <sheetName val="7#楼门窗"/>
      <sheetName val="8#楼门窗"/>
      <sheetName val="9#楼门窗"/>
      <sheetName val="10#楼门窗"/>
      <sheetName val="11#楼门窗"/>
      <sheetName val="12#楼门窗"/>
      <sheetName val="13#楼门窗"/>
      <sheetName val="4#5#裙楼门窗"/>
      <sheetName val="8#9#裙楼门窗"/>
      <sheetName val="골조시행"/>
      <sheetName val="G2TempSheet"/>
      <sheetName val="#REF!"/>
      <sheetName val="3"/>
      <sheetName val="S-Hote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2.xml><?xml version="1.0" encoding="utf-8"?>
<externalLink xmlns="http://schemas.openxmlformats.org/spreadsheetml/2006/main">
  <externalBook xmlns:r="http://schemas.openxmlformats.org/officeDocument/2006/relationships" r:id="rId1">
    <sheetNames>
      <sheetName val="SG"/>
      <sheetName val="구조물공"/>
      <sheetName val="내역"/>
      <sheetName val="부대공"/>
      <sheetName val="배수공"/>
      <sheetName val="토공"/>
      <sheetName val="포장공"/>
      <sheetName val="2000전체분"/>
      <sheetName val="2000년1차"/>
      <sheetName val="연결임시"/>
      <sheetName val="SW-TEO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20.xml><?xml version="1.0" encoding="utf-8"?>
<externalLink xmlns="http://schemas.openxmlformats.org/spreadsheetml/2006/main">
  <externalBook xmlns:r="http://schemas.openxmlformats.org/officeDocument/2006/relationships" r:id="rId1">
    <sheetNames>
      <sheetName val="지촌덕평"/>
      <sheetName val="지잡비"/>
      <sheetName val="사업비"/>
      <sheetName val="발계비교"/>
      <sheetName val="발부비"/>
      <sheetName val="1덕평흑석"/>
      <sheetName val="1공잡비"/>
      <sheetName val="2흑석옥성"/>
      <sheetName val="2공잡비"/>
      <sheetName val="수의"/>
      <sheetName val="수잡비"/>
      <sheetName val="00"/>
      <sheetName val="문광당총"/>
      <sheetName val="문당총잡비"/>
      <sheetName val="11"/>
      <sheetName val="청천내"/>
      <sheetName val="청천잡"/>
      <sheetName val="2000전체분"/>
      <sheetName val="2000년1차"/>
      <sheetName val="현장경비"/>
      <sheetName val="Bldg"/>
      <sheetName val="8"/>
      <sheetName val="2"/>
      <sheetName val="6"/>
      <sheetName val="面积合计（藏）"/>
      <sheetName val="7"/>
      <sheetName val="3"/>
      <sheetName val="4"/>
      <sheetName val="投标材料清单 "/>
      <sheetName val="5"/>
      <sheetName val="1"/>
      <sheetName val="실행대비"/>
      <sheetName val="#REF!"/>
      <sheetName val="主材价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21.xml><?xml version="1.0" encoding="utf-8"?>
<externalLink xmlns="http://schemas.openxmlformats.org/spreadsheetml/2006/main">
  <externalBook xmlns:r="http://schemas.openxmlformats.org/officeDocument/2006/relationships" r:id="rId1">
    <sheetNames>
      <sheetName val="설계예산서"/>
      <sheetName val="집계"/>
      <sheetName val="간선"/>
      <sheetName val="동력"/>
      <sheetName val="건축전기"/>
      <sheetName val="노임단가"/>
      <sheetName val="PNL.설치"/>
      <sheetName val="주요자재"/>
      <sheetName val="예비품"/>
      <sheetName val="내역(계장)"/>
      <sheetName val="일위(갑)"/>
      <sheetName val="일위(을)"/>
      <sheetName val="노임단가 (2)"/>
      <sheetName val="도급"/>
      <sheetName val="database"/>
      <sheetName val="청천내"/>
      <sheetName val="현장경비"/>
      <sheetName val="改加胶玻璃、室外栏杆"/>
      <sheetName val="정부노임단가"/>
      <sheetName val="主材价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22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Sheet2"/>
      <sheetName val="Sheet3"/>
      <sheetName val="MOTOR"/>
      <sheetName val="기계경비(시간당)"/>
      <sheetName val="램머"/>
      <sheetName val="database"/>
      <sheetName val="청천내"/>
      <sheetName val="#REF!"/>
      <sheetName val="1#量统计"/>
      <sheetName val="정부노임단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23.xml><?xml version="1.0" encoding="utf-8"?>
<externalLink xmlns="http://schemas.openxmlformats.org/spreadsheetml/2006/main">
  <externalBook xmlns:r="http://schemas.openxmlformats.org/officeDocument/2006/relationships" r:id="rId1">
    <sheetNames>
      <sheetName val="计算稿"/>
      <sheetName val="图纸目录"/>
      <sheetName val="汇总表"/>
      <sheetName val="单位库"/>
      <sheetName val="承台统计表"/>
      <sheetName val="#REF!"/>
      <sheetName val="XLR_NoRangeSheet"/>
      <sheetName val="A"/>
      <sheetName val="单价表"/>
      <sheetName val="1#量统计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24.xml><?xml version="1.0" encoding="utf-8"?>
<externalLink xmlns="http://schemas.openxmlformats.org/spreadsheetml/2006/main">
  <externalBook xmlns:r="http://schemas.openxmlformats.org/officeDocument/2006/relationships" r:id="rId1">
    <sheetNames>
      <sheetName val="过渡数据表"/>
      <sheetName val="60推拉窗"/>
      <sheetName val="型材表"/>
      <sheetName val="供应商表"/>
      <sheetName val="厂家类型表"/>
      <sheetName val="B7栋16-19层"/>
      <sheetName val="Sheet1"/>
      <sheetName val="Sheet2"/>
      <sheetName val="补LM4 (2)"/>
      <sheetName val="CM1"/>
      <sheetName val="基 础"/>
      <sheetName val="A"/>
      <sheetName val="单价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25.xml><?xml version="1.0" encoding="utf-8"?>
<externalLink xmlns="http://schemas.openxmlformats.org/spreadsheetml/2006/main">
  <externalBook xmlns:r="http://schemas.openxmlformats.org/officeDocument/2006/relationships" r:id="rId1">
    <sheetNames>
      <sheetName val="내역"/>
      <sheetName val="총지"/>
      <sheetName val="내지"/>
      <sheetName val="총괄"/>
      <sheetName val="입찰안"/>
      <sheetName val="적격"/>
      <sheetName val="평가"/>
      <sheetName val="적정"/>
      <sheetName val="표지"/>
      <sheetName val="관리"/>
      <sheetName val="하도"/>
      <sheetName val="별지"/>
      <sheetName val="토공"/>
      <sheetName val="의뢰"/>
      <sheetName val="견적"/>
      <sheetName val="AS"/>
      <sheetName val="조사"/>
      <sheetName val="합의서"/>
      <sheetName val="원가"/>
      <sheetName val="설 계"/>
      <sheetName val="구조물공"/>
      <sheetName val="부대공"/>
      <sheetName val="배수공"/>
      <sheetName val="포장공"/>
      <sheetName val="단중표"/>
      <sheetName val="연결임시"/>
      <sheetName val="기계경비(시간당)"/>
      <sheetName val="램머"/>
      <sheetName val="主材价格"/>
      <sheetName val="#REF!"/>
      <sheetName val="基 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126.xml><?xml version="1.0" encoding="utf-8"?>
<externalLink xmlns="http://schemas.openxmlformats.org/spreadsheetml/2006/main">
  <externalBook xmlns:r="http://schemas.openxmlformats.org/officeDocument/2006/relationships" r:id="rId1">
    <sheetNames>
      <sheetName val="일위대가"/>
      <sheetName val="INDEX"/>
      <sheetName val="Arrange"/>
      <sheetName val="차  례"/>
      <sheetName val="차례 접목"/>
      <sheetName val="순서결정"/>
      <sheetName val="일위대가 전체"/>
      <sheetName val="일위대가 강릉작업"/>
      <sheetName val="강릉 정렬"/>
      <sheetName val="연습"/>
      <sheetName val="투찰추정"/>
      <sheetName val="부대tu"/>
      <sheetName val="내역"/>
      <sheetName val="구조물공"/>
      <sheetName val="부대공"/>
      <sheetName val="배수공"/>
      <sheetName val="토공"/>
      <sheetName val="포장공"/>
      <sheetName val="主材价格"/>
      <sheetName val="장비집계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27.xml><?xml version="1.0" encoding="utf-8"?>
<externalLink xmlns="http://schemas.openxmlformats.org/spreadsheetml/2006/main">
  <externalBook xmlns:r="http://schemas.openxmlformats.org/officeDocument/2006/relationships" r:id="rId1">
    <sheetNames>
      <sheetName val="공내역"/>
      <sheetName val="공잡비"/>
      <sheetName val="20청천덕평"/>
      <sheetName val="20청천잡"/>
      <sheetName val="2000전체분"/>
      <sheetName val="2000전체잡비"/>
      <sheetName val="2000년1차"/>
      <sheetName val="2000년1차잡비"/>
      <sheetName val="신규단가"/>
      <sheetName val="단가리스트"/>
      <sheetName val="입력"/>
      <sheetName val="Sheet1"/>
      <sheetName val="STANDARD"/>
      <sheetName val="200"/>
      <sheetName val="일위대가"/>
      <sheetName val="주식"/>
      <sheetName val="Sheet1 (2)"/>
      <sheetName val="부대tu"/>
      <sheetName val="일반공사"/>
      <sheetName val="내역"/>
      <sheetName val="ANL"/>
      <sheetName val="A"/>
      <sheetName val="장비집계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28.xml><?xml version="1.0" encoding="utf-8"?>
<externalLink xmlns="http://schemas.openxmlformats.org/spreadsheetml/2006/main">
  <externalBook xmlns:r="http://schemas.openxmlformats.org/officeDocument/2006/relationships" r:id="rId1">
    <sheetNames>
      <sheetName val="明細表 (2)"/>
      <sheetName val="明細表"/>
      <sheetName val="資料庫"/>
      <sheetName val="资料库"/>
      <sheetName val="#REF!"/>
      <sheetName val="정부노임단가"/>
      <sheetName val="A"/>
      <sheetName val="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29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清单表"/>
      <sheetName val="清单表 (2)"/>
      <sheetName val="#REF!"/>
      <sheetName val="改加胶玻璃、室外栏杆"/>
      <sheetName val="정부노임단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3.xml><?xml version="1.0" encoding="utf-8"?>
<externalLink xmlns="http://schemas.openxmlformats.org/spreadsheetml/2006/main">
  <externalBook xmlns:r="http://schemas.openxmlformats.org/officeDocument/2006/relationships" r:id="rId1">
    <sheetNames>
      <sheetName val="含量"/>
      <sheetName val="Open"/>
      <sheetName val="材料"/>
      <sheetName val="单价表"/>
      <sheetName val="线条"/>
      <sheetName val="資料庫"/>
      <sheetName val="SW-TE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130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工程量"/>
      <sheetName val="报价清单表 "/>
      <sheetName val="报价明细表"/>
      <sheetName val="分项含量  "/>
      <sheetName val="合项含量"/>
      <sheetName val="改加胶玻璃、室外栏杆"/>
      <sheetName val="정부노임단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31.xml><?xml version="1.0" encoding="utf-8"?>
<externalLink xmlns="http://schemas.openxmlformats.org/spreadsheetml/2006/main">
  <externalBook xmlns:r="http://schemas.openxmlformats.org/officeDocument/2006/relationships" r:id="rId1">
    <sheetNames>
      <sheetName val="원가계산서(북측)"/>
      <sheetName val="집계표(북측)"/>
      <sheetName val="건축내역(입찰내역)"/>
      <sheetName val="원가계산서(북측추가)"/>
      <sheetName val="추가내역집계표(북측)"/>
      <sheetName val="추가건축내역(입찰내역)"/>
      <sheetName val="토목내역(북측)"/>
      <sheetName val="총괄표"/>
      <sheetName val="총괄표(북측)"/>
      <sheetName val="건축내역(가실행)"/>
      <sheetName val="토목내역(남측)"/>
      <sheetName val="동별 집계"/>
      <sheetName val="표지"/>
      <sheetName val="갑지"/>
      <sheetName val="갑지 (2)"/>
      <sheetName val="간지(토목)"/>
      <sheetName val="견적조건"/>
      <sheetName val="원가계산서(총괄)"/>
      <sheetName val="원가계산서(남측)"/>
      <sheetName val="집계표(남측)"/>
      <sheetName val="제출금액"/>
      <sheetName val="갑지(남측)"/>
      <sheetName val="갑지(북측)"/>
      <sheetName val="총물량"/>
      <sheetName val="2000년1차"/>
      <sheetName val="단중표"/>
      <sheetName val="일위대가"/>
      <sheetName val="부대tu"/>
      <sheetName val="#REF!"/>
      <sheetName val="일반공사"/>
      <sheetName val="정부노임단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132.xml><?xml version="1.0" encoding="utf-8"?>
<externalLink xmlns="http://schemas.openxmlformats.org/spreadsheetml/2006/main">
  <externalBook xmlns:r="http://schemas.openxmlformats.org/officeDocument/2006/relationships" r:id="rId1">
    <sheetNames>
      <sheetName val="도급예상"/>
      <sheetName val="견적품의"/>
      <sheetName val="총괄표"/>
      <sheetName val="내역서"/>
      <sheetName val="경비내역"/>
      <sheetName val="경비근거"/>
      <sheetName val="판관,금융비2"/>
      <sheetName val="원가계산서(남측)"/>
      <sheetName val="대비"/>
      <sheetName val="골조시행"/>
      <sheetName val="단중표"/>
      <sheetName val="2000년1차"/>
      <sheetName val="일위대가"/>
      <sheetName val="材料单价"/>
      <sheetName val="MOTOR"/>
      <sheetName val="일반공사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33.xml><?xml version="1.0" encoding="utf-8"?>
<externalLink xmlns="http://schemas.openxmlformats.org/spreadsheetml/2006/main">
  <externalBook xmlns:r="http://schemas.openxmlformats.org/officeDocument/2006/relationships" r:id="rId1">
    <sheetNames>
      <sheetName val="대비"/>
      <sheetName val="토공"/>
      <sheetName val="원가계산서(남측)"/>
      <sheetName val="MAIN"/>
      <sheetName val="입찰안"/>
      <sheetName val="차액보증"/>
      <sheetName val="2000년1차"/>
      <sheetName val="#REF!"/>
      <sheetName val="MOTO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34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工程量"/>
      <sheetName val="General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35.xml><?xml version="1.0" encoding="utf-8"?>
<externalLink xmlns="http://schemas.openxmlformats.org/spreadsheetml/2006/main">
  <externalBook xmlns:r="http://schemas.openxmlformats.org/officeDocument/2006/relationships" r:id="rId1">
    <sheetNames>
      <sheetName val="資料庫"/>
      <sheetName val="生产单"/>
      <sheetName val="生产单 (2)"/>
      <sheetName val="發貨單"/>
      <sheetName val="订单总结"/>
      <sheetName val="东方"/>
      <sheetName val="迅富"/>
      <sheetName val="吉田"/>
      <sheetName val="金盛"/>
      <sheetName val="雅维斯"/>
      <sheetName val="王锁生"/>
      <sheetName val="金圈"/>
      <sheetName val="金圈 (1)"/>
      <sheetName val="华加日"/>
      <sheetName val="华加日 (2)"/>
      <sheetName val="沈飞"/>
      <sheetName val="梁允党"/>
      <sheetName val="兴发"/>
      <sheetName val="特凌"/>
      <sheetName val="比利"/>
      <sheetName val="东亚"/>
      <sheetName val="固若"/>
      <sheetName val="创展"/>
      <sheetName val="刘忠"/>
      <sheetName val="粤骏"/>
      <sheetName val="时代"/>
      <sheetName val="绿城"/>
      <sheetName val="叶峰"/>
      <sheetName val="广亚"/>
      <sheetName val="瑞那斯"/>
      <sheetName val="广东装饰"/>
      <sheetName val="亚洲"/>
      <sheetName val="长空"/>
      <sheetName val="顺天通"/>
      <sheetName val="三元"/>
      <sheetName val="懿麟"/>
      <sheetName val="勃海铝"/>
      <sheetName val="泰克峰"/>
      <sheetName val="俊强"/>
      <sheetName val="中建三局"/>
      <sheetName val="俊强 (3)"/>
      <sheetName val="板和"/>
      <sheetName val="东林"/>
      <sheetName val="生产单 (1)"/>
      <sheetName val="出貨通知單 (1)"/>
      <sheetName val="出貨通知單 (2)"/>
      <sheetName val="樣辦單 (1)"/>
      <sheetName val="樣辦單 (2)"/>
      <sheetName val="CND"/>
      <sheetName val="CND (2)"/>
      <sheetName val="1"/>
      <sheetName val="2"/>
      <sheetName val="3"/>
      <sheetName val="4"/>
      <sheetName val="5"/>
      <sheetName val="6"/>
      <sheetName val="CNDA (3)"/>
      <sheetName val="公司名称及地址"/>
      <sheetName val="电镀"/>
      <sheetName val="21"/>
      <sheetName val="Gener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</sheetDataSet>
  </externalBook>
</externalLink>
</file>

<file path=xl/externalLinks/externalLink136.xml><?xml version="1.0" encoding="utf-8"?>
<externalLink xmlns="http://schemas.openxmlformats.org/spreadsheetml/2006/main">
  <externalBook xmlns:r="http://schemas.openxmlformats.org/officeDocument/2006/relationships" r:id="rId1">
    <sheetNames>
      <sheetName val="1"/>
      <sheetName val="清单"/>
      <sheetName val="1."/>
      <sheetName val="成本说明"/>
      <sheetName val="单位"/>
      <sheetName val="措施"/>
      <sheetName val="其他"/>
      <sheetName val="规费"/>
      <sheetName val="材料表"/>
      <sheetName val="封面"/>
      <sheetName val="总价"/>
      <sheetName val="#REF!"/>
      <sheetName val="工程量"/>
      <sheetName val="单价表"/>
      <sheetName val="2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37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单位库"/>
      <sheetName val="1"/>
      <sheetName val="清单"/>
      <sheetName val="1."/>
      <sheetName val="门窗"/>
      <sheetName val="单价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138.xml><?xml version="1.0" encoding="utf-8"?>
<externalLink xmlns="http://schemas.openxmlformats.org/spreadsheetml/2006/main">
  <externalBook xmlns:r="http://schemas.openxmlformats.org/officeDocument/2006/relationships" r:id="rId1">
    <sheetNames>
      <sheetName val="資料庫"/>
      <sheetName val="CND"/>
      <sheetName val="北京辦 (4)"/>
      <sheetName val="北京辦 (5)"/>
      <sheetName val="北京辦"/>
      <sheetName val="北京辦 (3)"/>
      <sheetName val="順天通"/>
      <sheetName val="公司名称及地址 (2)"/>
      <sheetName val="全日通"/>
      <sheetName val="港龙"/>
      <sheetName val="申通"/>
      <sheetName val="顺风"/>
      <sheetName val="CND (2)"/>
      <sheetName val="固若1"/>
      <sheetName val="遠東"/>
      <sheetName val="迅富 5 (5)"/>
      <sheetName val="迅富1 (3)"/>
      <sheetName val="東方 (3)"/>
      <sheetName val="東方"/>
      <sheetName val="東方 (2)"/>
      <sheetName val="富達"/>
      <sheetName val="北京辦 (2)"/>
      <sheetName val="鴻恆基"/>
      <sheetName val="鴻恆基 (2)"/>
      <sheetName val="迅富 5 (4)"/>
      <sheetName val="東方5"/>
      <sheetName val="興發1"/>
      <sheetName val="CND  "/>
      <sheetName val="興 (3)"/>
      <sheetName val="CDN"/>
      <sheetName val="#REF!"/>
      <sheetName val="合格证 (2)"/>
      <sheetName val="门窗"/>
      <sheetName val="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39.xml><?xml version="1.0" encoding="utf-8"?>
<externalLink xmlns="http://schemas.openxmlformats.org/spreadsheetml/2006/main">
  <externalBook xmlns:r="http://schemas.openxmlformats.org/officeDocument/2006/relationships" r:id="rId1">
    <sheetNames>
      <sheetName val="資料庫"/>
      <sheetName val="明細表"/>
      <sheetName val="生產通知單"/>
      <sheetName val="核对"/>
      <sheetName val="發貨單 (2)"/>
      <sheetName val="發貨單"/>
      <sheetName val="韶光"/>
      <sheetName val="吉田"/>
      <sheetName val="金盛"/>
      <sheetName val="雅維斯"/>
      <sheetName val="沈飞"/>
      <sheetName val="興發"/>
      <sheetName val="特凌"/>
      <sheetName val="東亞"/>
      <sheetName val="长空"/>
      <sheetName val="三元"/>
      <sheetName val="懿麟"/>
      <sheetName val="勃海铝"/>
      <sheetName val="板和"/>
      <sheetName val="订单总结"/>
      <sheetName val="王鎖生"/>
      <sheetName val="金圈"/>
      <sheetName val="金圈 (2)"/>
      <sheetName val="李鸿楷"/>
      <sheetName val="興發(2)"/>
      <sheetName val="興發(1)"/>
      <sheetName val="比利"/>
      <sheetName val="梁福成"/>
      <sheetName val="葉峰"/>
      <sheetName val="广亚"/>
      <sheetName val="瑞那斯"/>
      <sheetName val="广州装饰"/>
      <sheetName val="亚洲"/>
      <sheetName val="刘忠"/>
      <sheetName val="泰克峰"/>
      <sheetName val="#REF!"/>
      <sheetName val="门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4.xml><?xml version="1.0" encoding="utf-8"?>
<externalLink xmlns="http://schemas.openxmlformats.org/spreadsheetml/2006/main">
  <externalBook xmlns:r="http://schemas.openxmlformats.org/officeDocument/2006/relationships" r:id="rId1">
    <sheetNames>
      <sheetName val="금융비용"/>
      <sheetName val="제목"/>
      <sheetName val="목차"/>
      <sheetName val="실행과정요약"/>
      <sheetName val="총괄표"/>
      <sheetName val="실행대비표"/>
      <sheetName val="실행대비 (2)"/>
      <sheetName val="분석1"/>
      <sheetName val="평당분석"/>
      <sheetName val="견적비교"/>
      <sheetName val="물량분석"/>
      <sheetName val="평단가분석(건축)"/>
      <sheetName val="품의서"/>
      <sheetName val="견적조건"/>
      <sheetName val="공정"/>
      <sheetName val="인원"/>
      <sheetName val="적용단가"/>
      <sheetName val="물량차이"/>
      <sheetName val="Sheet1"/>
      <sheetName val="실행대비"/>
      <sheetName val="투찰추정"/>
      <sheetName val="Sheet1 (2)"/>
      <sheetName val="삼성전기"/>
      <sheetName val="주식"/>
      <sheetName val="집계표"/>
      <sheetName val="대비"/>
      <sheetName val="工程量"/>
      <sheetName val="입출재고현황 (2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140.xml><?xml version="1.0" encoding="utf-8"?>
<externalLink xmlns="http://schemas.openxmlformats.org/spreadsheetml/2006/main">
  <externalBook xmlns:r="http://schemas.openxmlformats.org/officeDocument/2006/relationships" r:id="rId1">
    <sheetNames>
      <sheetName val="材料价格表(立面）"/>
      <sheetName val="封面"/>
      <sheetName val="大鹏顶和立面部分投标价目总计封面"/>
      <sheetName val="大鹏顶和立面部分投标价目总计"/>
      <sheetName val="大鹏顶部分铝板屋面投标价目总计封面"/>
      <sheetName val="大鹏顶部分铝板屋面总计"/>
      <sheetName val="大鹏顶部分措施项目费封面"/>
      <sheetName val="大鹏顶措施项目费分析"/>
      <sheetName val="大鹏顶部分铝板屋面封面"/>
      <sheetName val="大鹏顶部分铝板屋面清单"/>
      <sheetName val="大鹏立面部分投标价目总计封面"/>
      <sheetName val="大鹏立面总计"/>
      <sheetName val="大鹏立面部分措施项目费封面"/>
      <sheetName val="大鹏立面措施项目费分析"/>
      <sheetName val="大鹏立面部分幕墙封面"/>
      <sheetName val="大鹏立面部分幕墙清单 "/>
      <sheetName val="综合单价分析表封面"/>
      <sheetName val="综合单价分析表"/>
      <sheetName val="主要材料价格表封面"/>
      <sheetName val="主要材料价格表"/>
      <sheetName val="工程清单汇总"/>
      <sheetName val="1"/>
      <sheetName val="2"/>
      <sheetName val="3"/>
      <sheetName val="4"/>
      <sheetName val="5"/>
      <sheetName val="6"/>
      <sheetName val="8"/>
      <sheetName val="11"/>
      <sheetName val="12"/>
      <sheetName val="13"/>
      <sheetName val="14"/>
      <sheetName val="15"/>
      <sheetName val="16"/>
      <sheetName val="17"/>
      <sheetName val="18"/>
      <sheetName val="19"/>
      <sheetName val="20"/>
      <sheetName val="21"/>
      <sheetName val="22"/>
      <sheetName val="23"/>
      <sheetName val="24"/>
      <sheetName val="25"/>
      <sheetName val="26"/>
      <sheetName val="27"/>
      <sheetName val="28"/>
      <sheetName val="29"/>
      <sheetName val="30"/>
      <sheetName val="31"/>
      <sheetName val="32"/>
      <sheetName val="33"/>
      <sheetName val="34"/>
      <sheetName val="35"/>
      <sheetName val="36"/>
      <sheetName val="37"/>
      <sheetName val="38"/>
      <sheetName val="39"/>
      <sheetName val="40"/>
      <sheetName val="41"/>
      <sheetName val="42"/>
      <sheetName val="43"/>
      <sheetName val="44"/>
      <sheetName val="45"/>
      <sheetName val="46"/>
      <sheetName val="47"/>
      <sheetName val="48"/>
      <sheetName val="材料价格表(屋面）"/>
      <sheetName val="人工、机械"/>
      <sheetName val="工程量表"/>
      <sheetName val="#REF!"/>
      <sheetName val="单位库"/>
      <sheetName val="Cost bd-&quot;A&quot;"/>
    </sheetNames>
    <definedNames>
      <definedName name="Macro10"/>
      <definedName name="Macro12"/>
      <definedName name="Macro13"/>
      <definedName name="Macro14"/>
      <definedName name="Macro2"/>
      <definedName name="Macro5"/>
      <definedName name="Macro6"/>
      <definedName name="Macro7"/>
      <definedName name="Macro8"/>
      <definedName name="Macro9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</sheetDataSet>
  </externalBook>
</externalLink>
</file>

<file path=xl/externalLinks/externalLink141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成本组成"/>
      <sheetName val="分部分项工程清单计价表"/>
      <sheetName val="工程量"/>
      <sheetName val="含量"/>
      <sheetName val="明细表"/>
      <sheetName val="清单分析表"/>
      <sheetName val="第一部分定价"/>
      <sheetName val="材料价格表(立面）"/>
      <sheetName val="노임"/>
      <sheetName val="Cost bd-&quot;A&quot;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42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报价清单表 "/>
      <sheetName val="报价明细表"/>
      <sheetName val="分项含量  "/>
      <sheetName val="合项含量"/>
      <sheetName val="材料单价表"/>
      <sheetName val="#REF!"/>
      <sheetName val="3"/>
      <sheetName val="8"/>
      <sheetName val="2"/>
      <sheetName val="6"/>
      <sheetName val="面积合计（藏）"/>
      <sheetName val="7"/>
      <sheetName val="4"/>
      <sheetName val="投标材料清单 "/>
      <sheetName val="5"/>
      <sheetName val="1"/>
      <sheetName val="改加胶玻璃、室外栏杆"/>
      <sheetName val="Financ. Overview"/>
      <sheetName val="Toolbox"/>
      <sheetName val="第一部分定价"/>
      <sheetName val="材料价格表(立面）"/>
      <sheetName val="노임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43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Open"/>
    </sheetNames>
    <sheetDataSet>
      <sheetData sheetId="0" refreshError="1"/>
      <sheetData sheetId="1" refreshError="1"/>
    </sheetDataSet>
  </externalBook>
</externalLink>
</file>

<file path=xl/externalLinks/externalLink144.xml><?xml version="1.0" encoding="utf-8"?>
<externalLink xmlns="http://schemas.openxmlformats.org/spreadsheetml/2006/main">
  <externalBook xmlns:r="http://schemas.openxmlformats.org/officeDocument/2006/relationships" r:id="rId1">
    <sheetNames>
      <sheetName val="옥외보안등"/>
      <sheetName val="전기실"/>
      <sheetName val="전력간선"/>
      <sheetName val="동력설비"/>
      <sheetName val="전등설비"/>
      <sheetName val="전열공사"/>
      <sheetName val="피뢰침설비"/>
      <sheetName val="SNOW"/>
      <sheetName val="주차관제"/>
      <sheetName val="자탐.유도등"/>
      <sheetName val="전화설비"/>
      <sheetName val="TV설비"/>
      <sheetName val="방송설비"/>
      <sheetName val="강당음향"/>
      <sheetName val="CCTV"/>
      <sheetName val="무선통신"/>
      <sheetName val="전기내역서"/>
      <sheetName val="통신내역서"/>
      <sheetName val="전기지급자재"/>
      <sheetName val="통신지급자재"/>
      <sheetName val="감독차량비"/>
      <sheetName val="원가계산"/>
      <sheetName val="총괄표"/>
      <sheetName val="노무비"/>
      <sheetName val="laroux"/>
      <sheetName val="도급예정1199"/>
      <sheetName val="외주대비"/>
      <sheetName val="수정실행"/>
      <sheetName val="단가산출근거"/>
      <sheetName val="현장인원투입"/>
      <sheetName val="장비투입계획"/>
      <sheetName val="현황사진"/>
      <sheetName val="옹벽"/>
      <sheetName val="외주대비-구조물"/>
      <sheetName val="외주대비 -석축"/>
      <sheetName val="외주대비-구조물 (2)"/>
      <sheetName val="견적표지 (3)"/>
      <sheetName val="정태현"/>
      <sheetName val="간선계산"/>
      <sheetName val="금융비용"/>
      <sheetName val="투찰추정"/>
      <sheetName val="실행대비"/>
      <sheetName val="#REF!"/>
      <sheetName val="Project Brief"/>
      <sheetName val="Open"/>
      <sheetName val="门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145.xml><?xml version="1.0" encoding="utf-8"?>
<externalLink xmlns="http://schemas.openxmlformats.org/spreadsheetml/2006/main">
  <externalBook xmlns:r="http://schemas.openxmlformats.org/officeDocument/2006/relationships" r:id="rId1">
    <sheetNames>
      <sheetName val="절감안"/>
      <sheetName val="품의서"/>
      <sheetName val="금융비용"/>
      <sheetName val="공정및인원"/>
      <sheetName val="평당(전체)"/>
      <sheetName val="평당(건축)"/>
      <sheetName val="평당(물량)"/>
      <sheetName val="견적대비"/>
      <sheetName val="적용단가"/>
      <sheetName val="투찰추정"/>
      <sheetName val="청천내"/>
      <sheetName val="database"/>
      <sheetName val="주식"/>
      <sheetName val="단중표"/>
      <sheetName val="입찰안"/>
      <sheetName val="실행대비"/>
      <sheetName val="Sheet1"/>
      <sheetName val="summary"/>
      <sheetName val="Project Brief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46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충주"/>
      <sheetName val="summary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47.xml><?xml version="1.0" encoding="utf-8"?>
<externalLink xmlns="http://schemas.openxmlformats.org/spreadsheetml/2006/main">
  <externalBook xmlns:r="http://schemas.openxmlformats.org/officeDocument/2006/relationships" r:id="rId1">
    <sheetNames>
      <sheetName val="산출내역서(토목)"/>
      <sheetName val="노무비"/>
      <sheetName val="정부노임단가"/>
      <sheetName val="금융비용"/>
      <sheetName val="투찰추정"/>
      <sheetName val="材料单价表"/>
      <sheetName val="封面 (3)"/>
      <sheetName val="충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48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工程量"/>
      <sheetName val="报价清单表 "/>
      <sheetName val="报价明细表"/>
      <sheetName val="分项含量  "/>
      <sheetName val="合项含量"/>
      <sheetName val="노무비"/>
      <sheetName val="실행철강하도"/>
      <sheetName val="封面 (3)"/>
      <sheetName val="Open"/>
    </sheetNames>
    <definedNames>
      <definedName name="Prix_SMC" sheetId="8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49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工程量"/>
      <sheetName val="报价清单表 "/>
      <sheetName val="报价明细表"/>
      <sheetName val="分项含量  "/>
      <sheetName val="合项含量"/>
      <sheetName val="改加胶玻璃、室外栏杆"/>
      <sheetName val="雨棚"/>
      <sheetName val="Sheet1"/>
      <sheetName val="材料"/>
      <sheetName val="6"/>
      <sheetName val="Bill-2.1（1）"/>
      <sheetName val="실행철강하도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5.xml><?xml version="1.0" encoding="utf-8"?>
<externalLink xmlns="http://schemas.openxmlformats.org/spreadsheetml/2006/main">
  <externalBook xmlns:r="http://schemas.openxmlformats.org/officeDocument/2006/relationships" r:id="rId1">
    <sheetNames>
      <sheetName val="Cover"/>
      <sheetName val="Contents"/>
      <sheetName val="Summary"/>
      <sheetName val="HQBuilding"/>
      <sheetName val="FitOutHQBldg"/>
      <sheetName val="Security"/>
      <sheetName val="AutoMessengerSystem"/>
      <sheetName val="PASystem"/>
      <sheetName val="TelephoneSystem"/>
      <sheetName val="HQSpecialSystems"/>
      <sheetName val="WaterFeatures"/>
      <sheetName val="DealerRoom"/>
      <sheetName val="Services"/>
      <sheetName val="ACtoStairs"/>
      <sheetName val="GoodsDelivery"/>
      <sheetName val="ToiletPods"/>
      <sheetName val="HQBldgExtCladding"/>
      <sheetName val="GlazedSouthWall"/>
      <sheetName val="HQFFandE"/>
      <sheetName val="ConferenceCentre"/>
      <sheetName val="FitOutConfCentre"/>
      <sheetName val="ConfCentreSpecialSystems"/>
      <sheetName val="ConfCentreExtCladding"/>
      <sheetName val="ConfFFandE"/>
      <sheetName val="CarPark"/>
      <sheetName val="StatutoryCharges"/>
      <sheetName val="Drawingscover"/>
      <sheetName val="Drawings"/>
      <sheetName val="GFA HQ Building"/>
      <sheetName val="GFA Conference"/>
      <sheetName val="GeneralSummary"/>
      <sheetName val="ElementalSummary"/>
      <sheetName val="SHOPLIST"/>
      <sheetName val="BQ"/>
      <sheetName val="BQ External"/>
      <sheetName val="Notes"/>
      <sheetName val="_______"/>
      <sheetName val="核算项目余额表"/>
      <sheetName val="Basis"/>
      <sheetName val="TAS"/>
      <sheetName val="Criteria"/>
      <sheetName val="资料库"/>
      <sheetName val="#REF!"/>
      <sheetName val="SG"/>
      <sheetName val="2000전체분"/>
      <sheetName val="2000년1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150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清单表"/>
      <sheetName val="清单表 (2)"/>
      <sheetName val="#REF!"/>
      <sheetName val="6"/>
      <sheetName val="Toolbox"/>
      <sheetName val="Bill-2.1（1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151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含量 "/>
      <sheetName val="6"/>
      <sheetName val="工程量"/>
      <sheetName val="Toolbo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52.xml><?xml version="1.0" encoding="utf-8"?>
<externalLink xmlns="http://schemas.openxmlformats.org/spreadsheetml/2006/main">
  <externalBook xmlns:r="http://schemas.openxmlformats.org/officeDocument/2006/relationships" r:id="rId1">
    <sheetNames>
      <sheetName val="7"/>
      <sheetName val="投标材料清单 "/>
      <sheetName val="#REF!"/>
      <sheetName val="工程量"/>
      <sheetName val="G.1R-Shou COP Gf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53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报价清单表 "/>
      <sheetName val="报价明细表"/>
      <sheetName val="分项含量  "/>
      <sheetName val="合项含量"/>
      <sheetName val="#REF!"/>
      <sheetName val="优化说明"/>
      <sheetName val="改加胶玻璃、室外栏杆"/>
      <sheetName val="POWER ASSUMPTIONS"/>
      <sheetName val="G.1R-Shou COP Gf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54.xml><?xml version="1.0" encoding="utf-8"?>
<externalLink xmlns="http://schemas.openxmlformats.org/spreadsheetml/2006/main">
  <externalBook xmlns:r="http://schemas.openxmlformats.org/officeDocument/2006/relationships" r:id="rId1">
    <sheetNames>
      <sheetName val="3"/>
      <sheetName val="#REF!"/>
      <sheetName val="7"/>
      <sheetName val="投标材料清单 "/>
      <sheetName val="J100"/>
      <sheetName val="POWER ASSUMP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55.xml><?xml version="1.0" encoding="utf-8"?>
<externalLink xmlns="http://schemas.openxmlformats.org/spreadsheetml/2006/main">
  <externalBook xmlns:r="http://schemas.openxmlformats.org/officeDocument/2006/relationships" r:id="rId1">
    <sheetNames>
      <sheetName val="JUCKEYK"/>
      <sheetName val="노무비"/>
      <sheetName val="금융비용"/>
      <sheetName val="7"/>
      <sheetName val="投标材料清单 "/>
      <sheetName val="裙房"/>
      <sheetName val="明细表"/>
      <sheetName val="MAIN"/>
      <sheetName val="J100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56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工程量"/>
      <sheetName val="报价清单表 "/>
      <sheetName val="报价明细表"/>
      <sheetName val="分项含量  "/>
      <sheetName val="合项含量"/>
      <sheetName val="7"/>
      <sheetName val="投标材料清单 "/>
      <sheetName val="Toolbox"/>
      <sheetName val="MA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57.xml><?xml version="1.0" encoding="utf-8"?>
<externalLink xmlns="http://schemas.openxmlformats.org/spreadsheetml/2006/main">
  <externalBook xmlns:r="http://schemas.openxmlformats.org/officeDocument/2006/relationships" r:id="rId1">
    <sheetNames>
      <sheetName val="000000"/>
      <sheetName val="설계표지"/>
      <sheetName val="--"/>
      <sheetName val="실행표지"/>
      <sheetName val="토목"/>
      <sheetName val="품질폐기"/>
      <sheetName val="건축"/>
      <sheetName val="기계"/>
      <sheetName val="----"/>
      <sheetName val="토목설실대비"/>
      <sheetName val="품질실행"/>
      <sheetName val=" -- "/>
      <sheetName val="대비표"/>
      <sheetName val="경상비"/>
      <sheetName val="OUTSO"/>
      <sheetName val="- - -"/>
      <sheetName val="투찰서(최종)"/>
      <sheetName val="투찰서 (2)"/>
      <sheetName val="투찰율1 (2)"/>
      <sheetName val="적격점수"/>
      <sheetName val="- . -"/>
      <sheetName val="예가대비(최종)"/>
      <sheetName val="투찰추정"/>
      <sheetName val="계산식"/>
      <sheetName val="▶총괄표"/>
      <sheetName val="붙임1-2"/>
      <sheetName val="전기"/>
      <sheetName val="내역서2안"/>
      <sheetName val="기계경비(시간당)"/>
      <sheetName val="램머"/>
      <sheetName val="JUCKEYK"/>
      <sheetName val="금액내역서"/>
      <sheetName val="노무비"/>
      <sheetName val="S-Hotel"/>
      <sheetName val="含量"/>
      <sheetName val="Toolbo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158.xml><?xml version="1.0" encoding="utf-8"?>
<externalLink xmlns="http://schemas.openxmlformats.org/spreadsheetml/2006/main">
  <externalBook xmlns:r="http://schemas.openxmlformats.org/officeDocument/2006/relationships" r:id="rId1">
    <sheetNames>
      <sheetName val="3"/>
      <sheetName val="装饰汇总"/>
      <sheetName val="1"/>
      <sheetName val="2"/>
      <sheetName val="4"/>
      <sheetName val="5"/>
      <sheetName val="6"/>
      <sheetName val="7"/>
      <sheetName val="8"/>
      <sheetName val="单价"/>
      <sheetName val="投标材料清单 "/>
      <sheetName val="材料汇总"/>
      <sheetName val="面积合计（藏）"/>
      <sheetName val="用量分摊(藏）"/>
      <sheetName val="투찰추정"/>
      <sheetName val="材料单价表"/>
      <sheetName val="토공집계표"/>
      <sheetName val="含量"/>
      <sheetName val="封面 (3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59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1#工程量"/>
      <sheetName val="1#门窗"/>
      <sheetName val="2#工程量"/>
      <sheetName val="2#楼门窗"/>
      <sheetName val="4#工程量"/>
      <sheetName val="4#楼门窗"/>
      <sheetName val="1#楼最终汇总"/>
      <sheetName val="2#楼最终汇总"/>
      <sheetName val="4#楼最终汇总"/>
      <sheetName val="工程量清单（1）"/>
      <sheetName val="3"/>
      <sheetName val="토공집계표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6.xml><?xml version="1.0" encoding="utf-8"?>
<externalLink xmlns="http://schemas.openxmlformats.org/spreadsheetml/2006/main">
  <externalBook xmlns:r="http://schemas.openxmlformats.org/officeDocument/2006/relationships" r:id="rId1">
    <sheetNames>
      <sheetName val="xxxxxx"/>
      <sheetName val="VXXXXX"/>
      <sheetName val="원남"/>
      <sheetName val="원가계산(조,투,실)"/>
      <sheetName val="관리비"/>
      <sheetName val="조사가추정"/>
      <sheetName val="업체"/>
      <sheetName val="대비집계장(견적)"/>
      <sheetName val="원가계산"/>
      <sheetName val="설계집계장"/>
      <sheetName val="실행집계장"/>
      <sheetName val="투찰집계장"/>
      <sheetName val="♣총괄내역서♣"/>
      <sheetName val="실행내역서"/>
      <sheetName val="확약서"/>
      <sheetName val="실행하도사항"/>
      <sheetName val="실행별지"/>
      <sheetName val="실행하도잡비"/>
      <sheetName val="실행토공하도"/>
      <sheetName val="실행철콘하도"/>
      <sheetName val="실행철강하도"/>
      <sheetName val="실행토공견갑"/>
      <sheetName val="실행토공견적"/>
      <sheetName val="실행철콘견갑"/>
      <sheetName val="실행철콘견적"/>
      <sheetName val="실행철강견갑"/>
      <sheetName val="실행철강견적"/>
      <sheetName val="단산"/>
      <sheetName val="일위대가"/>
      <sheetName val="집계표"/>
      <sheetName val="내역"/>
      <sheetName val="입출재고현황 (2)"/>
      <sheetName val="#REF!"/>
      <sheetName val="材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60.xml><?xml version="1.0" encoding="utf-8"?>
<externalLink xmlns="http://schemas.openxmlformats.org/spreadsheetml/2006/main">
  <externalBook xmlns:r="http://schemas.openxmlformats.org/officeDocument/2006/relationships" r:id="rId1">
    <sheetNames>
      <sheetName val="全年销售费"/>
      <sheetName val="工程销售费核定"/>
      <sheetName val="工程销售费清算"/>
      <sheetName val="Sheet1"/>
      <sheetName val="Sheet2"/>
      <sheetName val="Sheet3"/>
      <sheetName val="단중표"/>
      <sheetName val="골조시행"/>
      <sheetName val="투찰추정"/>
      <sheetName val="材料单价表"/>
      <sheetName val="改加胶玻璃、室外栏杆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61.xml><?xml version="1.0" encoding="utf-8"?>
<externalLink xmlns="http://schemas.openxmlformats.org/spreadsheetml/2006/main">
  <externalBook xmlns:r="http://schemas.openxmlformats.org/officeDocument/2006/relationships" r:id="rId1">
    <sheetNames>
      <sheetName val="汇总"/>
      <sheetName val="基本1"/>
      <sheetName val="工程桩2"/>
      <sheetName val="围护3"/>
      <sheetName val="土方支撑4"/>
      <sheetName val="地下5"/>
      <sheetName val="5.1"/>
      <sheetName val="5.2"/>
      <sheetName val="5.3"/>
      <sheetName val="5.4"/>
      <sheetName val="5.5"/>
      <sheetName val="5.6"/>
      <sheetName val="裙楼6"/>
      <sheetName val="6.1"/>
      <sheetName val="6.2"/>
      <sheetName val="6.3"/>
      <sheetName val="6.4"/>
      <sheetName val="6.5"/>
      <sheetName val="6.6"/>
      <sheetName val="塔楼7"/>
      <sheetName val="7.1"/>
      <sheetName val="7.2"/>
      <sheetName val="7.3"/>
      <sheetName val="7.4"/>
      <sheetName val="7.5"/>
      <sheetName val="7.6"/>
      <sheetName val="室外8"/>
      <sheetName val="8.1"/>
      <sheetName val="8.2"/>
      <sheetName val="机电预埋9"/>
      <sheetName val="指定配合10"/>
      <sheetName val="单价分析表"/>
      <sheetName val="1"/>
      <sheetName val="S-Hotel"/>
      <sheetName val="1. Prjct. Data 项目基本数据"/>
      <sheetName val="단중표"/>
      <sheetName val="基本措施项目"/>
      <sheetName val="基础桩工程-2"/>
      <sheetName val="围护桩工程-3"/>
      <sheetName val="土石方、承台、支撑结构工程-4"/>
      <sheetName val="机电预埋9（方案一）"/>
      <sheetName val="机电预埋9（方案二）"/>
      <sheetName val="机电预埋汇总"/>
      <sheetName val="3"/>
      <sheetName val="#REF!"/>
      <sheetName val="材料表"/>
      <sheetName val="参数"/>
      <sheetName val="Proforma"/>
      <sheetName val="开发成本(PUD)"/>
      <sheetName val="开发产品变动表(Compelted units)"/>
      <sheetName val="S"/>
      <sheetName val="summary"/>
      <sheetName val="编码"/>
      <sheetName val="A3地块围护结构"/>
      <sheetName val="合计"/>
      <sheetName val="GDP"/>
      <sheetName val="21"/>
      <sheetName val="明細表"/>
      <sheetName val="資料庫"/>
      <sheetName val="主材价格"/>
      <sheetName val="改加胶玻璃、室外栏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</sheetDataSet>
  </externalBook>
</externalLink>
</file>

<file path=xl/externalLinks/externalLink162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财务成本"/>
      <sheetName val="变更项汇总表 (2)"/>
      <sheetName val="按投标图部分"/>
      <sheetName val="按施工图"/>
      <sheetName val="Sheet1"/>
      <sheetName val="Sheet2"/>
      <sheetName val="Sheet3"/>
      <sheetName val="材料"/>
      <sheetName val="改加胶玻璃、室外栏杆"/>
      <sheetName val="ANL"/>
      <sheetName val="8"/>
      <sheetName val="SLABREINF-SCH"/>
      <sheetName val="Cash2"/>
      <sheetName val="Assumptions"/>
      <sheetName val="@risk rents and incentives"/>
      <sheetName val="Car park lease"/>
      <sheetName val="Net rent analysis"/>
      <sheetName val="材料单价表"/>
      <sheetName val="A"/>
      <sheetName val="单价表"/>
      <sheetName val="XLR_NoRangeSheet"/>
      <sheetName val="主材价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63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分部分项工程量清单"/>
      <sheetName val="工程量"/>
      <sheetName val="工程量 (2)"/>
      <sheetName val="8"/>
      <sheetName val="XLR_NoRange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64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Fly Sheets"/>
      <sheetName val="General Index"/>
      <sheetName val="General Summary"/>
      <sheetName val="Plumb"/>
      <sheetName val="HVAC"/>
      <sheetName val="Emer"/>
      <sheetName val="Elec"/>
      <sheetName val="8"/>
      <sheetName val="XLR_NoRange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65.xml><?xml version="1.0" encoding="utf-8"?>
<externalLink xmlns="http://schemas.openxmlformats.org/spreadsheetml/2006/main">
  <externalBook xmlns:r="http://schemas.openxmlformats.org/officeDocument/2006/relationships" r:id="rId1">
    <sheetNames>
      <sheetName val="원보"/>
      <sheetName val="제원"/>
      <sheetName val="재집"/>
      <sheetName val="재"/>
      <sheetName val="간재"/>
      <sheetName val="노집"/>
      <sheetName val="직노"/>
      <sheetName val="노공"/>
      <sheetName val="임율"/>
      <sheetName val="간노비"/>
      <sheetName val="경산"/>
      <sheetName val="단가"/>
      <sheetName val="XXXXXX"/>
      <sheetName val="VXXX"/>
      <sheetName val="진짜내역"/>
      <sheetName val="총괄"/>
      <sheetName val="집계"/>
      <sheetName val="내역"/>
      <sheetName val="공량집"/>
      <sheetName val="배부율"/>
      <sheetName val="완성1"/>
      <sheetName val="완성2"/>
      <sheetName val="산재비율"/>
      <sheetName val="안전비율"/>
      <sheetName val="일반비율"/>
      <sheetName val="노임"/>
      <sheetName val="공량"/>
      <sheetName val="전시원"/>
      <sheetName val="전시내"/>
      <sheetName val="Sheet1"/>
      <sheetName val="Sheet2"/>
      <sheetName val="Sheet3"/>
      <sheetName val="표"/>
      <sheetName val="목"/>
      <sheetName val="설"/>
      <sheetName val="일"/>
      <sheetName val="일집표"/>
      <sheetName val="일위표"/>
      <sheetName val="수표"/>
      <sheetName val="원가"/>
      <sheetName val="집계표"/>
      <sheetName val="내역서(내부)"/>
      <sheetName val="내역서"/>
      <sheetName val="일위대가"/>
      <sheetName val="단가산출서"/>
      <sheetName val="중기사용료"/>
      <sheetName val="재료단가"/>
      <sheetName val="노임단가"/>
      <sheetName val="총경기장별내역서(10-11)"/>
      <sheetName val="경기장별내역서(12-107)"/>
      <sheetName val="차액보증"/>
      <sheetName val="부대공"/>
      <sheetName val="포장공"/>
      <sheetName val="토공"/>
      <sheetName val="입찰안"/>
      <sheetName val="전기BOX내역서"/>
      <sheetName val="#REF"/>
      <sheetName val="XLR_NoRange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</sheetDataSet>
  </externalBook>
</externalLink>
</file>

<file path=xl/externalLinks/externalLink166.xml><?xml version="1.0" encoding="utf-8"?>
<externalLink xmlns="http://schemas.openxmlformats.org/spreadsheetml/2006/main">
  <externalBook xmlns:r="http://schemas.openxmlformats.org/officeDocument/2006/relationships" r:id="rId1">
    <sheetNames>
      <sheetName val="资料表"/>
      <sheetName val="质保书"/>
      <sheetName val="质保书1"/>
      <sheetName val="Sheet1"/>
      <sheetName val="A"/>
      <sheetName val="C"/>
      <sheetName val="Ｄ"/>
      <sheetName val="东方"/>
      <sheetName val="迅富1"/>
      <sheetName val="迅富"/>
      <sheetName val="合格"/>
      <sheetName val="多点锁 (2)"/>
      <sheetName val="多点锁"/>
      <sheetName val="HHS1"/>
      <sheetName val="HHS"/>
      <sheetName val="合格证"/>
      <sheetName val="特凌"/>
      <sheetName val="Sheet2"/>
      <sheetName val="鸿恒基"/>
      <sheetName val="华加日"/>
      <sheetName val="固若"/>
      <sheetName val="合格证 (2)"/>
      <sheetName val="資料庫"/>
      <sheetName val="审查表"/>
      <sheetName val="生产单 (4)"/>
      <sheetName val="生产单"/>
      <sheetName val="生产单 (1)"/>
      <sheetName val="生产单 (2)"/>
      <sheetName val="生产单 (3)"/>
      <sheetName val="生产单 (6)"/>
      <sheetName val="生产单 (5)"/>
      <sheetName val="發貨單 (2)"/>
      <sheetName val="發貨單"/>
      <sheetName val="样办"/>
      <sheetName val="样办 (2)"/>
      <sheetName val="样办送货单"/>
      <sheetName val="样办送货单 (2)"/>
      <sheetName val="俊威"/>
      <sheetName val="电镀"/>
      <sheetName val="迅富2"/>
      <sheetName val="东林 (3)"/>
      <sheetName val="东方 (1)"/>
      <sheetName val="兴业"/>
      <sheetName val="沈飞"/>
      <sheetName val="梁允党"/>
      <sheetName val="兴发"/>
      <sheetName val="时代"/>
      <sheetName val="时代 (2)"/>
      <sheetName val="南雄"/>
      <sheetName val="板和"/>
      <sheetName val="中建三局"/>
      <sheetName val="三元"/>
      <sheetName val="创展"/>
      <sheetName val="CNDA (2)"/>
      <sheetName val="CNDA"/>
      <sheetName val="CND"/>
      <sheetName val="CND (2)"/>
      <sheetName val="公司名称及地址 (2)"/>
      <sheetName val="地址"/>
      <sheetName val="CS036"/>
      <sheetName val="CS036 (1)"/>
      <sheetName val="迅富 (2)"/>
      <sheetName val="南雄 "/>
      <sheetName val="上海华加日"/>
      <sheetName val="東方"/>
      <sheetName val="董生"/>
      <sheetName val="富达"/>
      <sheetName val="天地"/>
      <sheetName val="张志岭"/>
      <sheetName val="青岛"/>
      <sheetName val="普陀兴发"/>
      <sheetName val="陈会祥"/>
      <sheetName val="番禺兴发"/>
      <sheetName val="陈伟权"/>
      <sheetName val="欧文"/>
      <sheetName val="青联"/>
      <sheetName val="南海二建"/>
      <sheetName val="金圣"/>
      <sheetName val="绿城"/>
      <sheetName val="金圈"/>
      <sheetName val="吉田"/>
      <sheetName val="三元德隆"/>
      <sheetName val="长空"/>
      <sheetName val="王锁生"/>
      <sheetName val="华加日展销部"/>
      <sheetName val="广州装饰"/>
      <sheetName val="懿麟"/>
      <sheetName val="佳明"/>
      <sheetName val="束嘉"/>
      <sheetName val="杨尚威"/>
      <sheetName val="俊强"/>
      <sheetName val="亚洲"/>
      <sheetName val="顺天通"/>
      <sheetName val="东亚"/>
      <sheetName val="华美"/>
      <sheetName val="刘忠"/>
      <sheetName val="金盛"/>
      <sheetName val="粤骏"/>
      <sheetName val="悦茂"/>
      <sheetName val="威卢克斯"/>
      <sheetName val="力基"/>
      <sheetName val="其昌"/>
      <sheetName val="艺宝"/>
      <sheetName val="凤铝"/>
      <sheetName val="瑞那斯"/>
      <sheetName val="普立"/>
      <sheetName val="广亚"/>
      <sheetName val="烟台"/>
      <sheetName val="中惠"/>
      <sheetName val="哈萨克斯"/>
      <sheetName val="忠旺"/>
      <sheetName val="孙永平"/>
      <sheetName val="恒隆"/>
      <sheetName val="南华"/>
      <sheetName val="南南"/>
      <sheetName val="盛兴"/>
      <sheetName val="德玛"/>
      <sheetName val="雅维斯"/>
      <sheetName val="源泰"/>
      <sheetName val="YKK"/>
      <sheetName val="YKK (2)"/>
      <sheetName val="北京办"/>
      <sheetName val="興發 (2)"/>
      <sheetName val="煙台盟昌"/>
      <sheetName val="廣州鋁質"/>
      <sheetName val="興安"/>
      <sheetName val="潤恆"/>
      <sheetName val="生產通知單"/>
      <sheetName val="核对"/>
      <sheetName val="订单总结"/>
      <sheetName val="韶光"/>
      <sheetName val="雅維斯"/>
      <sheetName val="王鎖生"/>
      <sheetName val="金圈 (2)"/>
      <sheetName val="李鸿楷"/>
      <sheetName val="興發(2)"/>
      <sheetName val="興發(1)"/>
      <sheetName val="興發"/>
      <sheetName val="比利"/>
      <sheetName val="東亞"/>
      <sheetName val="梁福成"/>
      <sheetName val="葉峰"/>
      <sheetName val="勃海铝"/>
      <sheetName val="泰克峰"/>
      <sheetName val="明細表"/>
      <sheetName val="XLR_NoRange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</sheetDataSet>
  </externalBook>
</externalLink>
</file>

<file path=xl/externalLinks/externalLink167.xml><?xml version="1.0" encoding="utf-8"?>
<externalLink xmlns="http://schemas.openxmlformats.org/spreadsheetml/2006/main">
  <externalBook xmlns:r="http://schemas.openxmlformats.org/officeDocument/2006/relationships" r:id="rId1">
    <sheetNames>
      <sheetName val="貨品科目"/>
      <sheetName val="包裝單"/>
      <sheetName val="包裝單 (2)"/>
      <sheetName val="發票"/>
      <sheetName val="明細表"/>
      <sheetName val="生產通知單"/>
      <sheetName val="益美"/>
      <sheetName val="彪福"/>
      <sheetName val="合來"/>
      <sheetName val="金高特"/>
      <sheetName val="立興"/>
      <sheetName val="莫兆記"/>
      <sheetName val="新泰"/>
      <sheetName val="美時"/>
      <sheetName val="YKK"/>
      <sheetName val="其他 (2)"/>
      <sheetName val="其他 (3)"/>
      <sheetName val="#REF"/>
      <sheetName val="資料庫"/>
      <sheetName val="其他"/>
      <sheetName val="#REF!"/>
      <sheetName val="XLR_NoRange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168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8"/>
      <sheetName val="XLR_NoRangeSheet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69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报价清单表 "/>
      <sheetName val="报价明细表"/>
      <sheetName val="分项含量  "/>
      <sheetName val="合项含量"/>
      <sheetName val="#REF!"/>
      <sheetName val="改加胶玻璃、室外栏杆"/>
      <sheetName val="雨棚"/>
      <sheetName val="Sheet1"/>
      <sheetName val="材料"/>
      <sheetName val="柱"/>
      <sheetName val="系统材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报价清单表 "/>
      <sheetName val="报价明细表"/>
      <sheetName val="分项含量  "/>
      <sheetName val="合项含量"/>
      <sheetName val="#REF!"/>
      <sheetName val="SW-TEO"/>
      <sheetName val="A"/>
      <sheetName val="3"/>
      <sheetName val="材料"/>
      <sheetName val="核算项目余额表"/>
      <sheetName val="雨棚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70.xml><?xml version="1.0" encoding="utf-8"?>
<externalLink xmlns="http://schemas.openxmlformats.org/spreadsheetml/2006/main">
  <externalBook xmlns:r="http://schemas.openxmlformats.org/officeDocument/2006/relationships" r:id="rId1">
    <sheetNames>
      <sheetName val="清单"/>
      <sheetName val="主材分析表"/>
      <sheetName val="报价汇总表"/>
      <sheetName val="材料表"/>
      <sheetName val="1."/>
      <sheetName val="2."/>
      <sheetName val="3."/>
      <sheetName val="4."/>
      <sheetName val="5."/>
      <sheetName val="6."/>
      <sheetName val="7."/>
      <sheetName val="8."/>
      <sheetName val="9."/>
      <sheetName val="10."/>
      <sheetName val="11."/>
      <sheetName val="12."/>
      <sheetName val="13."/>
      <sheetName val="14."/>
      <sheetName val="15."/>
      <sheetName val="16."/>
      <sheetName val="17."/>
      <sheetName val="18."/>
      <sheetName val="19.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  <sheetName val="14"/>
      <sheetName val="15"/>
      <sheetName val="16"/>
      <sheetName val="17"/>
      <sheetName val="18"/>
      <sheetName val="19"/>
      <sheetName val="#REF!"/>
      <sheetName val="柱"/>
      <sheetName val="清单1-裙楼Ea"/>
      <sheetName val="系统材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171.xml><?xml version="1.0" encoding="utf-8"?>
<externalLink xmlns="http://schemas.openxmlformats.org/spreadsheetml/2006/main">
  <externalBook xmlns:r="http://schemas.openxmlformats.org/officeDocument/2006/relationships" r:id="rId1">
    <sheetNames>
      <sheetName val="单价表编号１"/>
      <sheetName val="单价表编号２"/>
      <sheetName val="单价表编号3"/>
      <sheetName val="单价表编号4(原方案）"/>
      <sheetName val="围护传自己方案"/>
      <sheetName val="单价表编号5（原方案）"/>
      <sheetName val="土方自己方案"/>
      <sheetName val="单价表编号6"/>
      <sheetName val="自己方案支撑"/>
      <sheetName val="汇总表"/>
      <sheetName val="单价表"/>
      <sheetName val="材料表"/>
      <sheetName val="실행철강하도"/>
      <sheetName val="清单1-裙楼E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72.xml><?xml version="1.0" encoding="utf-8"?>
<externalLink xmlns="http://schemas.openxmlformats.org/spreadsheetml/2006/main">
  <externalBook xmlns:r="http://schemas.openxmlformats.org/officeDocument/2006/relationships" r:id="rId1">
    <sheetNames>
      <sheetName val="차액보증"/>
      <sheetName val="입찰안"/>
      <sheetName val="부대입찰"/>
      <sheetName val="부대공"/>
      <sheetName val="적격점수"/>
      <sheetName val="자재인력"/>
      <sheetName val="입찰조건"/>
      <sheetName val="조건표"/>
      <sheetName val="VXXXXX"/>
      <sheetName val="하도급대비"/>
      <sheetName val="하도급기성"/>
      <sheetName val="하도급단가산출"/>
      <sheetName val="토공집계표"/>
      <sheetName val="유토계획및집계"/>
      <sheetName val="유용토모식도"/>
      <sheetName val="토량산출(다짐)"/>
      <sheetName val="토공총괄"/>
      <sheetName val="직영단가"/>
      <sheetName val="하도급기성 (2)"/>
      <sheetName val="하도급단가산출 (2)"/>
      <sheetName val="보고서"/>
      <sheetName val="내역"/>
      <sheetName val="포장공"/>
      <sheetName val="토공"/>
      <sheetName val="투찰추정"/>
      <sheetName val="골조시행"/>
      <sheetName val="주식"/>
      <sheetName val="정부노임단가"/>
      <sheetName val="경산"/>
      <sheetName val="材料表"/>
      <sheetName val="#REF!"/>
      <sheetName val="6"/>
      <sheetName val="실행철강하도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173.xml><?xml version="1.0" encoding="utf-8"?>
<externalLink xmlns="http://schemas.openxmlformats.org/spreadsheetml/2006/main">
  <externalBook xmlns:r="http://schemas.openxmlformats.org/officeDocument/2006/relationships" r:id="rId1">
    <sheetNames>
      <sheetName val="Baby일위대가"/>
      <sheetName val="기계경비(시간당)"/>
      <sheetName val="램머"/>
      <sheetName val="저"/>
      <sheetName val="경산"/>
      <sheetName val="차액보증"/>
      <sheetName val="1#量统计"/>
      <sheetName val="#REF!"/>
      <sheetName val="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74.xml><?xml version="1.0" encoding="utf-8"?>
<externalLink xmlns="http://schemas.openxmlformats.org/spreadsheetml/2006/main">
  <externalBook xmlns:r="http://schemas.openxmlformats.org/officeDocument/2006/relationships" r:id="rId1">
    <sheetNames>
      <sheetName val="VXXX"/>
      <sheetName val="가공총괄표"/>
      <sheetName val="자재LIST"/>
      <sheetName val="운반중량집계"/>
      <sheetName val="운반중량산출"/>
      <sheetName val="철골가공조립"/>
      <sheetName val="용접집계표"/>
      <sheetName val="용접집계"/>
      <sheetName val="운반중량"/>
      <sheetName val="도장집계"/>
      <sheetName val="도장면적"/>
      <sheetName val="판재LIST"/>
      <sheetName val="형강재판재산출"/>
      <sheetName val="비계공"/>
      <sheetName val="집계표V"/>
      <sheetName val="집계표(WH)"/>
      <sheetName val="집계표(PL)"/>
      <sheetName val="철골세우기"/>
      <sheetName val="단중표"/>
      <sheetName val="직노"/>
      <sheetName val="Baby일위대가"/>
      <sheetName val="저"/>
      <sheetName val="基 础"/>
      <sheetName val="일위대가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75.xml><?xml version="1.0" encoding="utf-8"?>
<externalLink xmlns="http://schemas.openxmlformats.org/spreadsheetml/2006/main">
  <externalBook xmlns:r="http://schemas.openxmlformats.org/officeDocument/2006/relationships" r:id="rId1">
    <sheetNames>
      <sheetName val="실행대비"/>
      <sheetName val="자재및인력"/>
      <sheetName val="실행집계"/>
      <sheetName val="JUCKEYK"/>
      <sheetName val="노임"/>
      <sheetName val="단중표"/>
      <sheetName val="A"/>
      <sheetName val="8"/>
      <sheetName val="6"/>
      <sheetName val="面积合计（藏）"/>
      <sheetName val="7"/>
      <sheetName val="3"/>
      <sheetName val="4"/>
      <sheetName val="投标材料清单 "/>
      <sheetName val="5"/>
      <sheetName val="1"/>
      <sheetName val="일위대가"/>
      <sheetName val="含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76.xml><?xml version="1.0" encoding="utf-8"?>
<externalLink xmlns="http://schemas.openxmlformats.org/spreadsheetml/2006/main">
  <externalBook xmlns:r="http://schemas.openxmlformats.org/officeDocument/2006/relationships" r:id="rId1">
    <sheetNames>
      <sheetName val="laroux"/>
      <sheetName val="토목데이타"/>
      <sheetName val="설계자료"/>
      <sheetName val="기계공사비"/>
      <sheetName val="단가"/>
      <sheetName val="2000년1차"/>
      <sheetName val="실행대비"/>
      <sheetName val="노임"/>
      <sheetName val="단중표"/>
      <sheetName val="改加胶玻璃、室外栏杆"/>
      <sheetName val="#REF!"/>
      <sheetName val="8"/>
      <sheetName val="6"/>
      <sheetName val="面积合计（藏）"/>
      <sheetName val="7"/>
      <sheetName val="3"/>
      <sheetName val="4"/>
      <sheetName val="投标材料清单 "/>
      <sheetName val="5"/>
      <sheetName val="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77.xml><?xml version="1.0" encoding="utf-8"?>
<externalLink xmlns="http://schemas.openxmlformats.org/spreadsheetml/2006/main">
  <externalBook xmlns:r="http://schemas.openxmlformats.org/officeDocument/2006/relationships" r:id="rId1">
    <sheetNames>
      <sheetName val="明細表 (2)"/>
      <sheetName val="明細表"/>
      <sheetName val="資料庫"/>
      <sheetName val="#REF!"/>
      <sheetName val="골조시행"/>
      <sheetName val="일위대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78.xml><?xml version="1.0" encoding="utf-8"?>
<externalLink xmlns="http://schemas.openxmlformats.org/spreadsheetml/2006/main">
  <externalBook xmlns:r="http://schemas.openxmlformats.org/officeDocument/2006/relationships" r:id="rId1">
    <sheetNames>
      <sheetName val="資料庫"/>
      <sheetName val="审查表"/>
      <sheetName val="生产单 (4)"/>
      <sheetName val="生产单"/>
      <sheetName val="生产单 (2)"/>
      <sheetName val="生产单 (3)"/>
      <sheetName val="生产单 (1)"/>
      <sheetName val="發貨單"/>
      <sheetName val="样办"/>
      <sheetName val="样办 (2)"/>
      <sheetName val="樣辦送货單"/>
      <sheetName val="俊威"/>
      <sheetName val="电镀"/>
      <sheetName val="迅富2"/>
      <sheetName val="迅富1"/>
      <sheetName val="迅富"/>
      <sheetName val="东林 (3)"/>
      <sheetName val="东方"/>
      <sheetName val="东方 (1)"/>
      <sheetName val="东林 (2)"/>
      <sheetName val="兴业"/>
      <sheetName val="吉田"/>
      <sheetName val="金盛"/>
      <sheetName val="雅维斯"/>
      <sheetName val="王锁生"/>
      <sheetName val="金圈"/>
      <sheetName val="金圈 (1)"/>
      <sheetName val="华加日"/>
      <sheetName val="华加日 (2)"/>
      <sheetName val="沈飞"/>
      <sheetName val="梁允党"/>
      <sheetName val="兴发"/>
      <sheetName val="特凌"/>
      <sheetName val="比利"/>
      <sheetName val="东亚"/>
      <sheetName val="固若"/>
      <sheetName val="刘忠"/>
      <sheetName val="粤骏"/>
      <sheetName val="时代"/>
      <sheetName val="时代 (2)"/>
      <sheetName val="绿城"/>
      <sheetName val="叶峰"/>
      <sheetName val="广亚"/>
      <sheetName val="瑞那斯"/>
      <sheetName val="广东装饰"/>
      <sheetName val="亚洲"/>
      <sheetName val="长空"/>
      <sheetName val="顺天通"/>
      <sheetName val="懿麟"/>
      <sheetName val="勃海铝"/>
      <sheetName val="泰克峰"/>
      <sheetName val="中建三局"/>
      <sheetName val="盛兴"/>
      <sheetName val="富达"/>
      <sheetName val="板和"/>
      <sheetName val="东林"/>
      <sheetName val="三元"/>
      <sheetName val="创展"/>
      <sheetName val="CNDA"/>
      <sheetName val="CND"/>
      <sheetName val="公司名称及地址 (2)"/>
      <sheetName val="#REF!"/>
      <sheetName val="골조시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179.xml><?xml version="1.0" encoding="utf-8"?>
<externalLink xmlns="http://schemas.openxmlformats.org/spreadsheetml/2006/main">
  <externalBook xmlns:r="http://schemas.openxmlformats.org/officeDocument/2006/relationships" r:id="rId1">
    <sheetNames>
      <sheetName val="공개"/>
      <sheetName val="품의"/>
      <sheetName val="현경"/>
      <sheetName val="실행"/>
      <sheetName val="☜사⊥발☞"/>
      <sheetName val="하총"/>
      <sheetName val="하사"/>
      <sheetName val="하내"/>
      <sheetName val="토공"/>
      <sheetName val="토견"/>
      <sheetName val="구조물"/>
      <sheetName val="구자"/>
      <sheetName val="구견"/>
      <sheetName val="☜발⊥검☞"/>
      <sheetName val="입찰"/>
      <sheetName val="단가"/>
      <sheetName val="실행대비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8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报价说明"/>
      <sheetName val="汇总表"/>
      <sheetName val="工程量清单 "/>
      <sheetName val="工程量"/>
      <sheetName val="措施费清单"/>
      <sheetName val="分析表"/>
      <sheetName val="材料人工表"/>
      <sheetName val="含量"/>
      <sheetName val="主要材料"/>
      <sheetName val="成本组成"/>
      <sheetName val="#REF"/>
      <sheetName val="雨棚"/>
      <sheetName val="材料"/>
      <sheetName val="材料价格表(立面）"/>
      <sheetName val="금융비용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80.xml><?xml version="1.0" encoding="utf-8"?>
<externalLink xmlns="http://schemas.openxmlformats.org/spreadsheetml/2006/main">
  <externalBook xmlns:r="http://schemas.openxmlformats.org/officeDocument/2006/relationships" r:id="rId1">
    <sheetNames>
      <sheetName val="갑지"/>
      <sheetName val="적격심사"/>
      <sheetName val="손익분석"/>
      <sheetName val="투찰가산정"/>
      <sheetName val="철골자재리스트"/>
      <sheetName val="원가계산"/>
      <sheetName val="하도급사항"/>
      <sheetName val="하도급사항 (적격)"/>
      <sheetName val="토공별지"/>
      <sheetName val="대비표(토공1안)"/>
      <sheetName val="세부내역토공"/>
      <sheetName val="형틀별지"/>
      <sheetName val="대비표(형틀1안)"/>
      <sheetName val="세부내역형틀"/>
      <sheetName val="철골별지(1공구)"/>
      <sheetName val="대비표(철골1공1안)"/>
      <sheetName val="세부내역(철골1공구)"/>
      <sheetName val="철골별지(2공구)"/>
      <sheetName val="대비표(철골2공1안)"/>
      <sheetName val="세부내역(철골2공구)"/>
      <sheetName val="방수공사별지"/>
      <sheetName val="대비표(방수1안)"/>
      <sheetName val="세부내역방수"/>
      <sheetName val="석공사별지"/>
      <sheetName val="대비표(석1안)"/>
      <sheetName val="세부내역석"/>
      <sheetName val="창호별지"/>
      <sheetName val="대비표(AL창호1안)"/>
      <sheetName val="세부내역(AL)"/>
      <sheetName val="조경공사별지"/>
      <sheetName val="대비표(조경1안)"/>
      <sheetName val="세부내역조경"/>
      <sheetName val="000000"/>
      <sheetName val="견적서(세로양식)"/>
      <sheetName val="견적서&quot;갑&quot;(가로양식)"/>
      <sheetName val="견적서&quot;을&quot;(가로양식)"/>
      <sheetName val="대비표"/>
      <sheetName val="전체물량"/>
      <sheetName val="총물량"/>
      <sheetName val="입찰"/>
      <sheetName val="현경"/>
      <sheetName val="단가"/>
      <sheetName val="실행대비"/>
      <sheetName val="General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181.xml><?xml version="1.0" encoding="utf-8"?>
<externalLink xmlns="http://schemas.openxmlformats.org/spreadsheetml/2006/main">
  <externalBook xmlns:r="http://schemas.openxmlformats.org/officeDocument/2006/relationships" r:id="rId1">
    <sheetNames>
      <sheetName val="資料庫"/>
      <sheetName val="劉忠"/>
      <sheetName val="CS036"/>
      <sheetName val="報價單 (2)"/>
      <sheetName val="報價單"/>
      <sheetName val="吉田"/>
      <sheetName val="金圈"/>
      <sheetName val="韶光"/>
      <sheetName val="梁允党"/>
      <sheetName val="興發"/>
      <sheetName val="興發 (2)"/>
      <sheetName val="興發 (3)"/>
      <sheetName val="煙台盟昌"/>
      <sheetName val="余建忠"/>
      <sheetName val="葉峰"/>
      <sheetName val="唐生"/>
      <sheetName val="杜良棠"/>
      <sheetName val="鄒生"/>
      <sheetName val="胡生"/>
      <sheetName val="梁福成"/>
      <sheetName val="南海二建"/>
      <sheetName val="富達"/>
      <sheetName val="軒泰"/>
      <sheetName val="金聖"/>
      <sheetName val="唐蕾"/>
      <sheetName val="唐蕾 (2)"/>
      <sheetName val="恆隆"/>
      <sheetName val="艾迪"/>
      <sheetName val="亞洲"/>
      <sheetName val="王鎖生"/>
      <sheetName val="煙京"/>
      <sheetName val="張建國"/>
      <sheetName val="張建國 (2)"/>
      <sheetName val="董宇飛"/>
      <sheetName val="廣州鋁質"/>
      <sheetName val="楊尚威 (2)"/>
      <sheetName val="创展"/>
      <sheetName val="楊尚威"/>
      <sheetName val="興安"/>
      <sheetName val="東方 (2)"/>
      <sheetName val="東方"/>
      <sheetName val="亮佳"/>
      <sheetName val="金盛"/>
      <sheetName val="偉發"/>
      <sheetName val="吳生"/>
      <sheetName val="偉志"/>
      <sheetName val="特凌"/>
      <sheetName val="林生"/>
      <sheetName val="林生 (2)"/>
      <sheetName val="華加日"/>
      <sheetName val="華加日 (2)"/>
      <sheetName val="金利"/>
      <sheetName val="上海摩林"/>
      <sheetName val="張志芩"/>
      <sheetName val="東亞"/>
      <sheetName val="粵駿"/>
      <sheetName val="廣東裝飾"/>
      <sheetName val="彪福"/>
      <sheetName val="绿城"/>
      <sheetName val="綠城1"/>
      <sheetName val="廣亞"/>
      <sheetName val="力基"/>
      <sheetName val="莫兆記"/>
      <sheetName val="泰利"/>
      <sheetName val="潤恆"/>
      <sheetName val="其昌"/>
      <sheetName val="佳明"/>
      <sheetName val="俊强"/>
      <sheetName val="束嘉"/>
      <sheetName val="中建三局"/>
      <sheetName val="中建三局 (3)"/>
      <sheetName val="中建三局 (2)"/>
      <sheetName val="黎明"/>
      <sheetName val="华美"/>
      <sheetName val="阳光"/>
      <sheetName val="建筑面积 "/>
      <sheetName val="현장경비"/>
      <sheetName val="실행대비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</sheetDataSet>
  </externalBook>
</externalLink>
</file>

<file path=xl/externalLinks/externalLink182.xml><?xml version="1.0" encoding="utf-8"?>
<externalLink xmlns="http://schemas.openxmlformats.org/spreadsheetml/2006/main">
  <externalBook xmlns:r="http://schemas.openxmlformats.org/officeDocument/2006/relationships" r:id="rId1">
    <sheetNames>
      <sheetName val="資料庫"/>
      <sheetName val="劉忠"/>
      <sheetName val="CS036"/>
      <sheetName val="報價單 (2)"/>
      <sheetName val="報價單"/>
      <sheetName val="吉田"/>
      <sheetName val="金圈"/>
      <sheetName val="韶光"/>
      <sheetName val="梁允党"/>
      <sheetName val="興發"/>
      <sheetName val="興發 (2)"/>
      <sheetName val="興發 (3)"/>
      <sheetName val="煙台盟昌"/>
      <sheetName val="余建忠"/>
      <sheetName val="葉峰"/>
      <sheetName val="唐生"/>
      <sheetName val="杜良棠"/>
      <sheetName val="鄒生"/>
      <sheetName val="胡生"/>
      <sheetName val="梁福成"/>
      <sheetName val="南海二建"/>
      <sheetName val="富達"/>
      <sheetName val="軒泰"/>
      <sheetName val="金聖"/>
      <sheetName val="唐蕾"/>
      <sheetName val="唐蕾 (2)"/>
      <sheetName val="恆隆"/>
      <sheetName val="艾迪"/>
      <sheetName val="亞洲"/>
      <sheetName val="王鎖生"/>
      <sheetName val="煙京"/>
      <sheetName val="張建國"/>
      <sheetName val="張建國 (2)"/>
      <sheetName val="董宇飛"/>
      <sheetName val="廣州鋁質"/>
      <sheetName val="楊尚威 (2)"/>
      <sheetName val="创展"/>
      <sheetName val="楊尚威"/>
      <sheetName val="興安"/>
      <sheetName val="東方 (2)"/>
      <sheetName val="東方"/>
      <sheetName val="亮佳"/>
      <sheetName val="金盛"/>
      <sheetName val="偉發"/>
      <sheetName val="吳生"/>
      <sheetName val="偉志"/>
      <sheetName val="特凌"/>
      <sheetName val="林生"/>
      <sheetName val="林生 (2)"/>
      <sheetName val="華加日"/>
      <sheetName val="華加日 (2)"/>
      <sheetName val="金利"/>
      <sheetName val="上海摩林"/>
      <sheetName val="張志芩"/>
      <sheetName val="東亞"/>
      <sheetName val="粵駿"/>
      <sheetName val="廣東裝飾"/>
      <sheetName val="彪福"/>
      <sheetName val="绿城"/>
      <sheetName val="綠城1"/>
      <sheetName val="廣亞"/>
      <sheetName val="力基"/>
      <sheetName val="莫兆記"/>
      <sheetName val="泰利"/>
      <sheetName val="潤恆"/>
      <sheetName val="其昌"/>
      <sheetName val="佳明"/>
      <sheetName val="俊强"/>
      <sheetName val="束嘉"/>
      <sheetName val="中建三局"/>
      <sheetName val="中建三局 (3)"/>
      <sheetName val="中建三局 (2)"/>
      <sheetName val="黎明"/>
      <sheetName val="华美"/>
      <sheetName val="阳光"/>
      <sheetName val="建筑面积 "/>
      <sheetName val="청천내"/>
      <sheetName val="현장경비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</sheetDataSet>
  </externalBook>
</externalLink>
</file>

<file path=xl/externalLinks/externalLink183.xml><?xml version="1.0" encoding="utf-8"?>
<externalLink xmlns="http://schemas.openxmlformats.org/spreadsheetml/2006/main">
  <externalBook xmlns:r="http://schemas.openxmlformats.org/officeDocument/2006/relationships" r:id="rId1">
    <sheetNames>
      <sheetName val="data (2)"/>
      <sheetName val="data"/>
      <sheetName val="정수기계"/>
      <sheetName val="도송수"/>
      <sheetName val="laroux"/>
      <sheetName val="1산출"/>
      <sheetName val="1집계"/>
      <sheetName val="1기자재비"/>
      <sheetName val="2산출"/>
      <sheetName val="2집계"/>
      <sheetName val="2기자재비"/>
      <sheetName val="Sheet1"/>
      <sheetName val="Sheet2"/>
      <sheetName val="Sheet3"/>
      <sheetName val="총물량"/>
      <sheetName val="입찰"/>
      <sheetName val="현경"/>
      <sheetName val="단가"/>
      <sheetName val="21"/>
      <sheetName val="database"/>
      <sheetName val="청천내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84.xml><?xml version="1.0" encoding="utf-8"?>
<externalLink xmlns="http://schemas.openxmlformats.org/spreadsheetml/2006/main">
  <externalBook xmlns:r="http://schemas.openxmlformats.org/officeDocument/2006/relationships" r:id="rId1">
    <sheetNames>
      <sheetName val="A"/>
      <sheetName val="单价"/>
      <sheetName val="B"/>
      <sheetName val="C"/>
      <sheetName val="投标报价汇总表"/>
      <sheetName val="1＃"/>
      <sheetName val="2＃"/>
      <sheetName val="3＃"/>
      <sheetName val="4＃ "/>
      <sheetName val="5＃ "/>
      <sheetName val="6#"/>
      <sheetName val="综合单价"/>
      <sheetName val="45"/>
      <sheetName val=" (2)"/>
      <sheetName val="#REF!"/>
      <sheetName val="柱"/>
      <sheetName val="기계경비(시간당)"/>
      <sheetName val="램머"/>
      <sheetName val="databas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85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经营予、决算封皮"/>
      <sheetName val="目录"/>
      <sheetName val="清单"/>
      <sheetName val="기계경비(시간당)"/>
      <sheetName val="램머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86.xml><?xml version="1.0" encoding="utf-8"?>
<externalLink xmlns="http://schemas.openxmlformats.org/spreadsheetml/2006/main">
  <externalBook xmlns:r="http://schemas.openxmlformats.org/officeDocument/2006/relationships" r:id="rId1">
    <sheetNames>
      <sheetName val="成本表"/>
      <sheetName val="封面"/>
      <sheetName val="编制说明"/>
      <sheetName val="投标总价"/>
      <sheetName val="项目汇总表"/>
      <sheetName val="B区块工程费汇总表"/>
      <sheetName val="分部分项"/>
      <sheetName val="单价分析表"/>
      <sheetName val="含量表"/>
      <sheetName val="主要材料表"/>
      <sheetName val="B区措施项目"/>
      <sheetName val="B区其他项目"/>
      <sheetName val="询价表"/>
      <sheetName val="样品表"/>
      <sheetName val="工程量"/>
      <sheetName val="工程量计算"/>
      <sheetName val="过渡数据表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87.xml><?xml version="1.0" encoding="utf-8"?>
<externalLink xmlns="http://schemas.openxmlformats.org/spreadsheetml/2006/main">
  <externalBook xmlns:r="http://schemas.openxmlformats.org/officeDocument/2006/relationships" r:id="rId1">
    <sheetNames>
      <sheetName val="공고"/>
      <sheetName val="BID"/>
      <sheetName val="내역서"/>
      <sheetName val="01AC"/>
      <sheetName val="총물량"/>
      <sheetName val="单价表"/>
      <sheetName val="#REF!"/>
      <sheetName val="过渡数据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88.xml><?xml version="1.0" encoding="utf-8"?>
<externalLink xmlns="http://schemas.openxmlformats.org/spreadsheetml/2006/main">
  <externalBook xmlns:r="http://schemas.openxmlformats.org/officeDocument/2006/relationships" r:id="rId1">
    <sheetNames>
      <sheetName val="laroux"/>
      <sheetName val="목차"/>
      <sheetName val="기계경비"/>
      <sheetName val="포장절단"/>
      <sheetName val="중기터파기,되메우기"/>
      <sheetName val="포장깨기"/>
      <sheetName val="암반깨기(0.4)"/>
      <sheetName val="소형브레이카"/>
      <sheetName val="램머"/>
      <sheetName val="잔토운반거리"/>
      <sheetName val="내용"/>
      <sheetName val="변수값(1)"/>
      <sheetName val="변수값(2)"/>
      <sheetName val="잔토처리"/>
      <sheetName val="중기터파기(잔토처리)"/>
      <sheetName val="폐기물처리비"/>
      <sheetName val="AS복구"/>
      <sheetName val="G.R300합계"/>
      <sheetName val="G.R300경비"/>
      <sheetName val="재료집계표"/>
      <sheetName val="하천하월"/>
      <sheetName val="압입공사수량산출"/>
      <sheetName val="관.지.벽 공정집계표"/>
      <sheetName val="보강콘크리트산출"/>
      <sheetName val="PE내관피스표"/>
      <sheetName val="인수공(총괄)"/>
      <sheetName val="FC관자재산출"/>
      <sheetName val="양수작업"/>
      <sheetName val="공제대산출"/>
      <sheetName val="현장자재소운반"/>
      <sheetName val="라,교,공사안내판"/>
      <sheetName val="전력비"/>
      <sheetName val="가설규모및부지임차료"/>
      <sheetName val="가설울타리및보안등설치"/>
      <sheetName val="지수판설치수량산출서"/>
      <sheetName val="잔디복구수량산출"/>
      <sheetName val="단가산출"/>
      <sheetName val=""/>
      <sheetName val="Baby일위대가"/>
      <sheetName val="BID"/>
      <sheetName val="01AC"/>
      <sheetName val="총물량"/>
      <sheetName val="门窗"/>
      <sheetName val="연결임시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189.xml><?xml version="1.0" encoding="utf-8"?>
<externalLink xmlns="http://schemas.openxmlformats.org/spreadsheetml/2006/main">
  <externalBook xmlns:r="http://schemas.openxmlformats.org/officeDocument/2006/relationships" r:id="rId1">
    <sheetNames>
      <sheetName val="BID"/>
      <sheetName val="투찰"/>
      <sheetName val="1공구(토)"/>
      <sheetName val="1공구(구)"/>
      <sheetName val="1공구(구) (2)"/>
      <sheetName val="2공구(토)"/>
      <sheetName val="2공구(구)"/>
      <sheetName val="3공구(토)"/>
      <sheetName val="3공구(구)"/>
      <sheetName val="하도급사항"/>
      <sheetName val="1공구자재"/>
      <sheetName val="2공구자재"/>
      <sheetName val="3공구자재"/>
      <sheetName val="#REF"/>
      <sheetName val="단가산출"/>
      <sheetName val="01AC"/>
      <sheetName val="门窗"/>
      <sheetName val="구조물공"/>
      <sheetName val="부대공"/>
      <sheetName val="배수공"/>
      <sheetName val="토공"/>
      <sheetName val="포장공"/>
      <sheetName val="연결임시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9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G2TempSheet"/>
      <sheetName val="工程报价汇总表"/>
      <sheetName val="工程量清单报价汇总表"/>
      <sheetName val="学生宿舍C8"/>
      <sheetName val="学生宿舍C9"/>
      <sheetName val="学生宿舍C10"/>
      <sheetName val="学生宿舍C11"/>
      <sheetName val="学生宿舍C12"/>
      <sheetName val="学生宿舍C13"/>
      <sheetName val="学生宿舍C14"/>
      <sheetName val="第二学生食堂C24"/>
      <sheetName val="会堂及教师活动中心"/>
      <sheetName val="艺术楼"/>
      <sheetName val="学术交流中心及外国专家楼"/>
      <sheetName val="校行政办公楼"/>
      <sheetName val="院系办公楼"/>
      <sheetName val="图书馆"/>
      <sheetName val="广外二期清单汇总表"/>
      <sheetName val="合价汇总表"/>
      <sheetName val="总包服务管理协调配合费"/>
      <sheetName val="工程预留金"/>
      <sheetName val="建筑及装饰装修工程主要材料报价表"/>
      <sheetName val="甲招乙供材料表"/>
      <sheetName val="暂定主材价格表"/>
      <sheetName val="单合价分析表"/>
      <sheetName val="自定材料价"/>
      <sheetName val="#REF"/>
      <sheetName val="雨棚"/>
      <sheetName val="第一部分定价"/>
      <sheetName val="FitOutConfCentr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190.xml><?xml version="1.0" encoding="utf-8"?>
<externalLink xmlns="http://schemas.openxmlformats.org/spreadsheetml/2006/main">
  <externalBook xmlns:r="http://schemas.openxmlformats.org/officeDocument/2006/relationships" r:id="rId1">
    <sheetNames>
      <sheetName val="bid"/>
      <sheetName val="부대원본"/>
      <sheetName val="산출내역서"/>
      <sheetName val="하도급사항"/>
      <sheetName val="토공"/>
      <sheetName val="철콘"/>
      <sheetName val="강교"/>
      <sheetName val="부대공"/>
      <sheetName val="포장공"/>
      <sheetName val="단가산출"/>
      <sheetName val="#REF!"/>
      <sheetName val="내역"/>
      <sheetName val="구조물공"/>
      <sheetName val="배수공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91.xml><?xml version="1.0" encoding="utf-8"?>
<externalLink xmlns="http://schemas.openxmlformats.org/spreadsheetml/2006/main">
  <externalBook xmlns:r="http://schemas.openxmlformats.org/officeDocument/2006/relationships" r:id="rId1">
    <sheetNames>
      <sheetName val="내역"/>
      <sheetName val="총지"/>
      <sheetName val="내지"/>
      <sheetName val="총괄"/>
      <sheetName val="입찰안"/>
      <sheetName val="적격"/>
      <sheetName val="평가"/>
      <sheetName val="적정"/>
      <sheetName val="표지"/>
      <sheetName val="원가"/>
      <sheetName val="관리"/>
      <sheetName val="하도"/>
      <sheetName val="별지"/>
      <sheetName val="토공"/>
      <sheetName val="의뢰"/>
      <sheetName val="견적"/>
      <sheetName val="AS"/>
      <sheetName val="조사"/>
      <sheetName val="합의서"/>
      <sheetName val="bid"/>
      <sheetName val="갑지"/>
      <sheetName val="단가산출"/>
      <sheetName val="Open"/>
      <sheetName val="부대t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192.xml><?xml version="1.0" encoding="utf-8"?>
<externalLink xmlns="http://schemas.openxmlformats.org/spreadsheetml/2006/main">
  <externalBook xmlns:r="http://schemas.openxmlformats.org/officeDocument/2006/relationships" r:id="rId1">
    <sheetNames>
      <sheetName val="VXXX"/>
      <sheetName val="입찰안"/>
      <sheetName val="실행"/>
      <sheetName val="관리"/>
      <sheetName val="표지"/>
      <sheetName val="총괄표"/>
      <sheetName val="집계표"/>
      <sheetName val="내역"/>
      <sheetName val="적격"/>
      <sheetName val="적정"/>
      <sheetName val="평가"/>
      <sheetName val="조사"/>
      <sheetName val="견적"/>
      <sheetName val="견적내역"/>
      <sheetName val="합의서"/>
      <sheetName val="총괄표(설계)"/>
      <sheetName val="내역(설계)"/>
      <sheetName val="실행철강하도"/>
      <sheetName val="3"/>
      <sheetName val="bid"/>
      <sheetName val="BND"/>
      <sheetName val="Bill-2.1（1）"/>
      <sheetName val="明細表"/>
      <sheetName val="부대t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193.xml><?xml version="1.0" encoding="utf-8"?>
<externalLink xmlns="http://schemas.openxmlformats.org/spreadsheetml/2006/main">
  <externalBook xmlns:r="http://schemas.openxmlformats.org/officeDocument/2006/relationships" r:id="rId1">
    <sheetNames>
      <sheetName val="제목"/>
      <sheetName val="목차"/>
      <sheetName val="실행과정요약"/>
      <sheetName val="총괄표"/>
      <sheetName val="실행대비표"/>
      <sheetName val="실행대비 (2)"/>
      <sheetName val="분석1"/>
      <sheetName val="금융비용"/>
      <sheetName val="개요"/>
      <sheetName val="집계표"/>
      <sheetName val="입찰안"/>
      <sheetName val="G.1R-Shou COP Gf"/>
      <sheetName val="改加胶玻璃、室外栏杆"/>
      <sheetName val="明細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94.xml><?xml version="1.0" encoding="utf-8"?>
<externalLink xmlns="http://schemas.openxmlformats.org/spreadsheetml/2006/main">
  <externalBook xmlns:r="http://schemas.openxmlformats.org/officeDocument/2006/relationships" r:id="rId1">
    <sheetNames>
      <sheetName val="xxxxxx"/>
      <sheetName val="VXXXXX"/>
      <sheetName val="원남"/>
      <sheetName val="원가계산(조,투,실)"/>
      <sheetName val="관리비"/>
      <sheetName val="조사가추정"/>
      <sheetName val="업체"/>
      <sheetName val="대비집계장(견적)"/>
      <sheetName val="원가계산"/>
      <sheetName val="설계집계장"/>
      <sheetName val="실행집계장"/>
      <sheetName val="투찰집계장"/>
      <sheetName val="♣총괄내역서♣"/>
      <sheetName val="실행내역서"/>
      <sheetName val="확약서"/>
      <sheetName val="실행하도사항"/>
      <sheetName val="실행별지"/>
      <sheetName val="실행하도잡비"/>
      <sheetName val="실행토공하도"/>
      <sheetName val="실행철콘하도"/>
      <sheetName val="실행철강하도"/>
      <sheetName val="실행토공견갑"/>
      <sheetName val="실행토공견적"/>
      <sheetName val="실행철콘견갑"/>
      <sheetName val="실행철콘견적"/>
      <sheetName val="실행철강견갑"/>
      <sheetName val="실행철강견적"/>
      <sheetName val="단산"/>
      <sheetName val="내역서"/>
      <sheetName val="견적"/>
      <sheetName val="단중표"/>
      <sheetName val="금융비용"/>
      <sheetName val="#REF!"/>
      <sheetName val="改加胶玻璃、室外栏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95.xml><?xml version="1.0" encoding="utf-8"?>
<externalLink xmlns="http://schemas.openxmlformats.org/spreadsheetml/2006/main">
  <externalBook xmlns:r="http://schemas.openxmlformats.org/officeDocument/2006/relationships" r:id="rId1">
    <sheetNames>
      <sheetName val="BID"/>
      <sheetName val="투찰서 "/>
      <sheetName val="투찰률표"/>
      <sheetName val="경 상 비"/>
      <sheetName val="실행대비"/>
      <sheetName val="잡비적용"/>
      <sheetName val="입찰결과"/>
      <sheetName val="입찰결과 (2)"/>
      <sheetName val="ORIGIN"/>
      <sheetName val="원가계산서"/>
      <sheetName val="실행철강하도"/>
      <sheetName val="含量"/>
      <sheetName val="일위대가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96.xml><?xml version="1.0" encoding="utf-8"?>
<externalLink xmlns="http://schemas.openxmlformats.org/spreadsheetml/2006/main">
  <externalBook xmlns:r="http://schemas.openxmlformats.org/officeDocument/2006/relationships" r:id="rId1">
    <sheetNames>
      <sheetName val="단가산출"/>
      <sheetName val="집계표"/>
      <sheetName val="BID"/>
      <sheetName val="ORIGIN"/>
      <sheetName val="원가계산서"/>
      <sheetName val="#REF!"/>
      <sheetName val="2000년1차"/>
      <sheetName val="일위대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97.xml><?xml version="1.0" encoding="utf-8"?>
<externalLink xmlns="http://schemas.openxmlformats.org/spreadsheetml/2006/main">
  <externalBook xmlns:r="http://schemas.openxmlformats.org/officeDocument/2006/relationships" r:id="rId1">
    <sheetNames>
      <sheetName val="집계표"/>
      <sheetName val="표지 (3)"/>
      <sheetName val="표지"/>
      <sheetName val="표지 (2)"/>
      <sheetName val="내역서"/>
      <sheetName val="주요자재1"/>
      <sheetName val="주요자재2"/>
      <sheetName val="시멘트골재량"/>
      <sheetName val="구조물골재"/>
      <sheetName val="철근1"/>
      <sheetName val="구조물타공종이월"/>
      <sheetName val="타공종이월"/>
      <sheetName val="철근수량1"/>
      <sheetName val="교각수량"/>
      <sheetName val="토공"/>
      <sheetName val="철근수량2"/>
      <sheetName val="교각집계"/>
      <sheetName val="교각토공"/>
      <sheetName val="교각철근"/>
      <sheetName val="교각집계 (2)"/>
      <sheetName val="교각토공 (2)"/>
      <sheetName val="교각철근 (2)"/>
      <sheetName val="대비"/>
      <sheetName val="제경비"/>
      <sheetName val="내역"/>
      <sheetName val="수량집계"/>
      <sheetName val="수량(교각)"/>
      <sheetName val="수량산출(2)"/>
      <sheetName val="단가(동바리)"/>
      <sheetName val="단가(강재운반)"/>
      <sheetName val="총괄표"/>
      <sheetName val="추진계획"/>
      <sheetName val="추진실적"/>
      <sheetName val="Sheet3"/>
      <sheetName val="공정표"/>
      <sheetName val="일수계산"/>
      <sheetName val="터널공기"/>
      <sheetName val="Sheet1"/>
      <sheetName val="Sheet2"/>
      <sheetName val="업협(토공,철콘)"/>
      <sheetName val="실행예산"/>
      <sheetName val="시방서"/>
      <sheetName val="계약현황"/>
      <sheetName val="간지"/>
      <sheetName val="견적(토공)"/>
      <sheetName val="견적(철콘)"/>
      <sheetName val="laroux"/>
      <sheetName val="도급예정1199"/>
      <sheetName val="외주대비"/>
      <sheetName val="수정실행"/>
      <sheetName val="단가산출근거"/>
      <sheetName val="현장인원투입"/>
      <sheetName val="장비투입계획"/>
      <sheetName val="현황사진"/>
      <sheetName val="옹벽"/>
      <sheetName val="외주대비-구조물"/>
      <sheetName val="외주대비 -석축"/>
      <sheetName val="외주대비-구조물 (2)"/>
      <sheetName val="견적표지 (3)"/>
      <sheetName val="정태현"/>
      <sheetName val="xxxxxx"/>
      <sheetName val="0000"/>
      <sheetName val="현황"/>
      <sheetName val="철콘"/>
      <sheetName val="입찰표지"/>
      <sheetName val="입찰안"/>
      <sheetName val="산출내역서"/>
      <sheetName val="BID"/>
      <sheetName val=" HIT-&gt;HMC 견적(3900)"/>
      <sheetName val="한전일위"/>
      <sheetName val="노무비"/>
      <sheetName val="금융비용"/>
      <sheetName val="ORIGIN"/>
      <sheetName val="主材价格"/>
      <sheetName val="원가계산서(남측)"/>
      <sheetName val="2000년1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</sheetDataSet>
  </externalBook>
</externalLink>
</file>

<file path=xl/externalLinks/externalLink198.xml><?xml version="1.0" encoding="utf-8"?>
<externalLink xmlns="http://schemas.openxmlformats.org/spreadsheetml/2006/main">
  <externalBook xmlns:r="http://schemas.openxmlformats.org/officeDocument/2006/relationships" r:id="rId1">
    <sheetNames>
      <sheetName val="입찰안"/>
      <sheetName val="적격"/>
      <sheetName val="평가"/>
      <sheetName val="적정"/>
      <sheetName val="관리"/>
      <sheetName val="표지"/>
      <sheetName val="총괄"/>
      <sheetName val="내역"/>
      <sheetName val="하도"/>
      <sheetName val="별지"/>
      <sheetName val="견적"/>
      <sheetName val="조사"/>
      <sheetName val="합의서"/>
      <sheetName val="5호광장(낙찰)"/>
      <sheetName val="5호광장"/>
      <sheetName val="5호광장 (만점)"/>
      <sheetName val="인천국제 (만점) (2)"/>
      <sheetName val="선거교가설공사"/>
      <sheetName val="선거교가설공사(만점)"/>
      <sheetName val="낙동강하구둑"/>
      <sheetName val="낙동강하구둑(만점)"/>
      <sheetName val="공원로-우남로"/>
      <sheetName val="공원로-우남로(만점)"/>
      <sheetName val="보림사우회도로"/>
      <sheetName val="보림사우회도로(만점)"/>
      <sheetName val="2000년1차"/>
      <sheetName val="2000전체분"/>
      <sheetName val="교통대책내역"/>
      <sheetName val="집계표"/>
      <sheetName val="조명율표"/>
      <sheetName val="투찰내역"/>
      <sheetName val="조명일위"/>
      <sheetName val="조경일람"/>
      <sheetName val="단가일람"/>
      <sheetName val="지질조사"/>
      <sheetName val="7"/>
      <sheetName val="投标材料清单 "/>
      <sheetName val="차액보증"/>
      <sheetName val="단중표"/>
      <sheetName val="금융비용"/>
      <sheetName val="내역서"/>
      <sheetName val="부대공사비"/>
      <sheetName val="BID"/>
      <sheetName val="SLAB데이터"/>
      <sheetName val="#REF"/>
      <sheetName val="간접1"/>
      <sheetName val="접지수량"/>
      <sheetName val="노임"/>
      <sheetName val="실행철강하도"/>
      <sheetName val="99총공사내역서"/>
      <sheetName val="퍼스트"/>
      <sheetName val="금액내역서"/>
      <sheetName val="정부노임단가"/>
      <sheetName val="CALCULATION"/>
      <sheetName val="RE9604"/>
      <sheetName val="약품공급2"/>
      <sheetName val="Total 단위경유량집계"/>
      <sheetName val="MOTOR"/>
      <sheetName val="실행내역"/>
      <sheetName val="sheet1"/>
      <sheetName val="XLR_NoRangeSheet"/>
      <sheetName val="대비"/>
      <sheetName val="원가계산서(남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199.xml><?xml version="1.0" encoding="utf-8"?>
<externalLink xmlns="http://schemas.openxmlformats.org/spreadsheetml/2006/main">
  <externalBook xmlns:r="http://schemas.openxmlformats.org/officeDocument/2006/relationships" r:id="rId1">
    <sheetNames>
      <sheetName val="집계표"/>
      <sheetName val="총괄"/>
      <sheetName val="내역"/>
      <sheetName val="강교집계"/>
      <sheetName val="강교"/>
      <sheetName val="대비"/>
      <sheetName val="내역 (2)"/>
      <sheetName val="대비 (2)"/>
      <sheetName val="업협"/>
      <sheetName val="#REF"/>
      <sheetName val="입찰안"/>
      <sheetName val="7"/>
      <sheetName val="投标材料清单 "/>
      <sheetName val="XLR_NoRangeSheet"/>
      <sheetName val="工程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총괄표"/>
      <sheetName val="공통가설"/>
      <sheetName val="방배동내역 (총괄)"/>
      <sheetName val="현장경비"/>
      <sheetName val="방배동내역(한영)"/>
      <sheetName val="방배동내역(리라)"/>
      <sheetName val="부대공사총괄"/>
      <sheetName val="건축공사집계표"/>
      <sheetName val="건축공사집계"/>
      <sheetName val="삼환건축공사집계"/>
      <sheetName val="#REF"/>
      <sheetName val="휘경4공구"/>
      <sheetName val="부대입찰(원도급31공구)"/>
      <sheetName val="방배동내역서(최종)"/>
      <sheetName val="대비"/>
      <sheetName val="차액보증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20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#REF!"/>
    </sheetNames>
    <sheetDataSet>
      <sheetData sheetId="0" refreshError="1"/>
      <sheetData sheetId="1" refreshError="1"/>
    </sheetDataSet>
  </externalBook>
</externalLink>
</file>

<file path=xl/externalLinks/externalLink200.xml><?xml version="1.0" encoding="utf-8"?>
<externalLink xmlns="http://schemas.openxmlformats.org/spreadsheetml/2006/main">
  <externalBook xmlns:r="http://schemas.openxmlformats.org/officeDocument/2006/relationships" r:id="rId1">
    <sheetNames>
      <sheetName val="공내역"/>
      <sheetName val="공잡비"/>
      <sheetName val="지촌덕평"/>
      <sheetName val="지덕잡비"/>
      <sheetName val="200"/>
      <sheetName val="cka"/>
      <sheetName val="2000년1차"/>
      <sheetName val="2000년1차잡비"/>
      <sheetName val="신규단가"/>
      <sheetName val="단가리스트"/>
      <sheetName val="입력"/>
      <sheetName val="Sheet1"/>
      <sheetName val="STANDARD"/>
      <sheetName val="청천내"/>
      <sheetName val="실행내역"/>
      <sheetName val="입찰안"/>
      <sheetName val="3"/>
      <sheetName val="내역"/>
      <sheetName val="XLR_NoRangeSheet"/>
      <sheetName val="資料庫"/>
      <sheetName val="工程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01.xml><?xml version="1.0" encoding="utf-8"?>
<externalLink xmlns="http://schemas.openxmlformats.org/spreadsheetml/2006/main">
  <externalBook xmlns:r="http://schemas.openxmlformats.org/officeDocument/2006/relationships" r:id="rId1">
    <sheetNames>
      <sheetName val="도급"/>
      <sheetName val="총괄"/>
      <sheetName val="실행"/>
      <sheetName val="기본단가"/>
      <sheetName val="기초단가 "/>
      <sheetName val="자재단가"/>
      <sheetName val="부대대비총괄"/>
      <sheetName val="갑지(총괄)♣ "/>
      <sheetName val="갑지(성보)♣ "/>
      <sheetName val="갑지(상일)♣"/>
      <sheetName val="부대토공"/>
      <sheetName val="부대철콘"/>
      <sheetName val="부대대비 (2)"/>
      <sheetName val="갑지(현대)♣"/>
      <sheetName val="투찰대비"/>
      <sheetName val="공사대비"/>
      <sheetName val="도급 (2)"/>
      <sheetName val="도급 (4)"/>
      <sheetName val="Sheet1 (2)"/>
      <sheetName val="총괄-1"/>
      <sheetName val="완도0420000"/>
      <sheetName val="#REF!"/>
      <sheetName val="資料庫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02.xml><?xml version="1.0" encoding="utf-8"?>
<externalLink xmlns="http://schemas.openxmlformats.org/spreadsheetml/2006/main">
  <externalBook xmlns:r="http://schemas.openxmlformats.org/officeDocument/2006/relationships" r:id="rId1">
    <sheetNames>
      <sheetName val="laroux"/>
      <sheetName val="총집계(1)"/>
      <sheetName val="토목집계(1)"/>
      <sheetName val="전기집계(1)"/>
      <sheetName val="하도사항(1)"/>
      <sheetName val="하도별지(1)"/>
      <sheetName val="토공 부대입찰(1)"/>
      <sheetName val="철콘 부대입찰(1)"/>
      <sheetName val="              "/>
      <sheetName val="합의서"/>
      <sheetName val="내역서"/>
      <sheetName val="입찰안"/>
      <sheetName val="100억 이상"/>
      <sheetName val="적격점수"/>
      <sheetName val="자재인력"/>
      <sheetName val="입찰결과"/>
      <sheetName val="조건표"/>
      <sheetName val="표지"/>
      <sheetName val="#REF"/>
      <sheetName val="내역"/>
      <sheetName val="품셈TABLE"/>
      <sheetName val="W-현원가"/>
      <sheetName val="도급"/>
      <sheetName val="총괄-1"/>
      <sheetName val="系统材料"/>
      <sheetName val="1"/>
      <sheetName val="清单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203.xml><?xml version="1.0" encoding="utf-8"?>
<externalLink xmlns="http://schemas.openxmlformats.org/spreadsheetml/2006/main">
  <externalBook xmlns:r="http://schemas.openxmlformats.org/officeDocument/2006/relationships" r:id="rId1">
    <sheetNames>
      <sheetName val="Y-WORK"/>
      <sheetName val="YES"/>
      <sheetName val="BID"/>
      <sheetName val="입찰안"/>
      <sheetName val="단중표"/>
      <sheetName val="설 계"/>
      <sheetName val="품셈TABLE"/>
      <sheetName val="6"/>
      <sheetName val="資料庫"/>
      <sheetName val="1"/>
      <sheetName val="清单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204.xml><?xml version="1.0" encoding="utf-8"?>
<externalLink xmlns="http://schemas.openxmlformats.org/spreadsheetml/2006/main">
  <externalBook xmlns:r="http://schemas.openxmlformats.org/officeDocument/2006/relationships" r:id="rId1">
    <sheetNames>
      <sheetName val="입찰안"/>
      <sheetName val="적격"/>
      <sheetName val="평가"/>
      <sheetName val="적정"/>
      <sheetName val="관리"/>
      <sheetName val="표지"/>
      <sheetName val="총괄"/>
      <sheetName val="내역"/>
      <sheetName val="내역실행"/>
      <sheetName val="하도"/>
      <sheetName val="별지"/>
      <sheetName val="토공"/>
      <sheetName val="총괄설계"/>
      <sheetName val="내역설계"/>
      <sheetName val="견적"/>
      <sheetName val="조사"/>
      <sheetName val="의뢰"/>
      <sheetName val="AS"/>
      <sheetName val="BID"/>
      <sheetName val="실행철강하도"/>
      <sheetName val="결과조달"/>
      <sheetName val="#REF!"/>
      <sheetName val="資料庫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05.xml><?xml version="1.0" encoding="utf-8"?>
<externalLink xmlns="http://schemas.openxmlformats.org/spreadsheetml/2006/main">
  <externalBook xmlns:r="http://schemas.openxmlformats.org/officeDocument/2006/relationships" r:id="rId1">
    <sheetNames>
      <sheetName val="分部分项工程项目清单与计价表（装修）"/>
      <sheetName val="钢骨架"/>
      <sheetName val="报价汇总表 "/>
      <sheetName val="分部分项工程项目清单及计价表（主体钢结构）"/>
      <sheetName val="分部分项工程项目清单及计价表（幕墙及铝门窗）"/>
      <sheetName val="分部分项工程项目清单及计价表（机电）"/>
      <sheetName val="措施项目清单与计价表 "/>
      <sheetName val="其他项目清单与计价表"/>
      <sheetName val="人工、机械、材料汇总表（幕墙及铝门窗）"/>
      <sheetName val="附表一铝合金型材清单（幕墙及铝门窗）"/>
      <sheetName val="附表二主要材料损耗率明细表（幕墙及铝门窗）"/>
      <sheetName val="資料庫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06.xml><?xml version="1.0" encoding="utf-8"?>
<externalLink xmlns="http://schemas.openxmlformats.org/spreadsheetml/2006/main">
  <externalBook xmlns:r="http://schemas.openxmlformats.org/officeDocument/2006/relationships" r:id="rId1">
    <sheetNames>
      <sheetName val="分部分项工程项目清单与计价表（装修）"/>
      <sheetName val="报价汇总表 "/>
      <sheetName val="分部分项工程项目清单及计价表（机电）"/>
      <sheetName val="分部分项工程项目清单及计价表（主体钢结构）"/>
      <sheetName val="分部分项工程项目清单及计价表（幕墙及铝门窗）"/>
      <sheetName val="措施项目清单与计价表 "/>
      <sheetName val="其他项目清单与计价表"/>
      <sheetName val="人工、机械、材料汇总表（幕墙及铝门窗）"/>
      <sheetName val="附表一铝合金型材清单（幕墙及铝门窗）"/>
      <sheetName val="附表二主要材料损耗率明细表（幕墙及铝门窗）"/>
    </sheetNames>
    <definedNames>
      <definedName name="__V200" sheetId="5"/>
      <definedName name="_28V200_" sheetId="5"/>
      <definedName name="_29V200_" sheetId="5"/>
      <definedName name="_V200" sheetId="5"/>
      <definedName name="asdfas" sheetId="5"/>
      <definedName name="DSFGB" sheetId="5"/>
      <definedName name="Macro11" sheetId="5"/>
      <definedName name="Module.Prix_SMC" sheetId="1"/>
      <definedName name="SHOP2" sheetId="5"/>
      <definedName name="ss" sheetId="5"/>
      <definedName name="SSSS" sheetId="5"/>
      <definedName name="W.SHOP" sheetId="5"/>
      <definedName name="标段一" sheetId="1"/>
      <definedName name="권" sheetId="5"/>
      <definedName name="권종원" sheetId="5"/>
      <definedName name="김세일" sheetId="5"/>
      <definedName name="김일" sheetId="5"/>
      <definedName name="二" sheetId="1"/>
      <definedName name="노" sheetId="5"/>
      <definedName name="덕수" sheetId="5"/>
      <definedName name="마" sheetId="5"/>
      <definedName name="세일" sheetId="5"/>
      <definedName name="아" sheetId="5"/>
      <definedName name="안녕" sheetId="5"/>
      <definedName name="안주" sheetId="5"/>
      <definedName name="원가계산" sheetId="5"/>
      <definedName name="원가계산창" sheetId="5"/>
      <definedName name="이미" sheetId="5"/>
      <definedName name="이미도" sheetId="5"/>
      <definedName name="인쇄양식" sheetId="5"/>
      <definedName name="자재인력조달" sheetId="5"/>
      <definedName name="종원" sheetId="5"/>
      <definedName name="철콘공사" sheetId="5"/>
      <definedName name="투찰서_2" sheetId="5"/>
      <definedName name="투찰서_3" sheetId="5"/>
      <definedName name="투찰서2" sheetId="5"/>
      <definedName name="후다" sheetId="5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07.xml><?xml version="1.0" encoding="utf-8"?>
<externalLink xmlns="http://schemas.openxmlformats.org/spreadsheetml/2006/main">
  <externalBook xmlns:r="http://schemas.openxmlformats.org/officeDocument/2006/relationships" r:id="rId1">
    <sheetNames>
      <sheetName val="会签表 (1)"/>
      <sheetName val="会签表"/>
      <sheetName val="变更费用申报A13"/>
      <sheetName val="2008年2季度价差调整"/>
      <sheetName val="工程桩转化计算表 "/>
      <sheetName val="工程量明细"/>
      <sheetName val="2008年2季度价差调整 NHK"/>
      <sheetName val="工程量转化计算表NHK"/>
      <sheetName val="SG"/>
      <sheetName val="工程量"/>
      <sheetName val="2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208.xml><?xml version="1.0" encoding="utf-8"?>
<externalLink xmlns="http://schemas.openxmlformats.org/spreadsheetml/2006/main">
  <externalBook xmlns:r="http://schemas.openxmlformats.org/officeDocument/2006/relationships" r:id="rId1">
    <sheetNames>
      <sheetName val="本期已完成工作"/>
      <sheetName val="下期计划完成工作"/>
      <sheetName val="工程款进度支付审批"/>
      <sheetName val="付款申请汇总表"/>
      <sheetName val="工程形象进度确认表"/>
      <sheetName val="分部分项工程费（附录一）"/>
      <sheetName val="计量表(附录一)"/>
      <sheetName val="措施项目费（附录二）"/>
      <sheetName val="其他项目费（附录三）"/>
      <sheetName val="工程变更（附录四）"/>
      <sheetName val="주식"/>
      <sheetName val="Sheet1 (2)"/>
      <sheetName val="#REF!"/>
      <sheetName val="2-4层外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09.xml><?xml version="1.0" encoding="utf-8"?>
<externalLink xmlns="http://schemas.openxmlformats.org/spreadsheetml/2006/main">
  <externalBook xmlns:r="http://schemas.openxmlformats.org/officeDocument/2006/relationships" r:id="rId1">
    <sheetNames>
      <sheetName val="目录11-12"/>
      <sheetName val="目录卫生院"/>
      <sheetName val="11~12工程量"/>
      <sheetName val="清单（11-12）"/>
      <sheetName val="清单（卫）"/>
      <sheetName val="监理审核清单"/>
      <sheetName val="单价58"/>
      <sheetName val="单价50.53"/>
      <sheetName val="7~10工程量"/>
      <sheetName val="SG"/>
      <sheetName val="주식"/>
      <sheetName val="Sheet1 (2)"/>
      <sheetName val="计量表(附录一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1.xml><?xml version="1.0" encoding="utf-8"?>
<externalLink xmlns="http://schemas.openxmlformats.org/spreadsheetml/2006/main">
  <externalBook xmlns:r="http://schemas.openxmlformats.org/officeDocument/2006/relationships" r:id="rId1">
    <sheetNames>
      <sheetName val="D0026B3"/>
      <sheetName val="#REF!"/>
      <sheetName val="입출재고현황 (2)"/>
      <sheetName val="내역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10.xml><?xml version="1.0" encoding="utf-8"?>
<externalLink xmlns="http://schemas.openxmlformats.org/spreadsheetml/2006/main">
  <externalBook xmlns:r="http://schemas.openxmlformats.org/officeDocument/2006/relationships" r:id="rId1">
    <sheetNames>
      <sheetName val="签证01"/>
      <sheetName val="单价45"/>
      <sheetName val="单价33"/>
      <sheetName val="签证06工程量"/>
      <sheetName val="7~10工程量"/>
      <sheetName val="7-10建清45"/>
      <sheetName val="7-10结清33"/>
      <sheetName val="7~10清单33"/>
      <sheetName val="1-6建清45"/>
      <sheetName val="1-6结清33"/>
      <sheetName val="1~6清单33"/>
      <sheetName val="1~6工程量"/>
      <sheetName val="签证02.03.05.06.07"/>
      <sheetName val="常用项目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11.xml><?xml version="1.0" encoding="utf-8"?>
<externalLink xmlns="http://schemas.openxmlformats.org/spreadsheetml/2006/main">
  <externalBook xmlns:r="http://schemas.openxmlformats.org/officeDocument/2006/relationships" r:id="rId1">
    <sheetNames>
      <sheetName val="会签表 (1)"/>
      <sheetName val="会签表"/>
      <sheetName val="变更费用申报A13"/>
      <sheetName val="2008年2季度价差调整"/>
      <sheetName val="工程桩转化计算表 "/>
      <sheetName val="工程量明细"/>
      <sheetName val="2008年2季度价差调整 NHK"/>
      <sheetName val="工程量转化计算表NHK"/>
      <sheetName val="7~10工程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212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汇总表"/>
      <sheetName val="XLR_NoRangeSheet"/>
    </sheetNames>
    <sheetDataSet>
      <sheetData sheetId="0" refreshError="1"/>
      <sheetData sheetId="1" refreshError="1"/>
    </sheetDataSet>
  </externalBook>
</externalLink>
</file>

<file path=xl/externalLinks/externalLink213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汇总表"/>
      <sheetName val="XLR_NoRangeSheet"/>
      <sheetName val="采光井栏杆数量计算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14.xml><?xml version="1.0" encoding="utf-8"?>
<externalLink xmlns="http://schemas.openxmlformats.org/spreadsheetml/2006/main">
  <externalBook xmlns:r="http://schemas.openxmlformats.org/officeDocument/2006/relationships" r:id="rId1">
    <sheetNames>
      <sheetName val="施工方申请表1"/>
      <sheetName val="施工方封面"/>
      <sheetName val="施工方申请表2"/>
      <sheetName val="施工方汇总表"/>
      <sheetName val="罗富国封面"/>
      <sheetName val="罗富国申请表"/>
      <sheetName val="罗富国汇总表 "/>
      <sheetName val="工程进度明细表（清单内）"/>
      <sheetName val="工程进度明细表（清单外)"/>
      <sheetName val="采光井栏杆数量计算"/>
      <sheetName val="工程形象进度确认表"/>
      <sheetName val="甲招材料管理费"/>
      <sheetName val="外墙钢构架脚手架工程"/>
      <sheetName val="工程变更价款"/>
      <sheetName val="工程签证"/>
      <sheetName val="甲招材料款"/>
      <sheetName val="甲招材料明细表"/>
      <sheetName val="2010年第3季度商品砼材差"/>
      <sheetName val="屋面铝合金格栅及城建标志图案"/>
      <sheetName val="措施项目费"/>
      <sheetName val="2010年第2季度商品砼材差"/>
      <sheetName val="2010年第2季度钢筋材差"/>
      <sheetName val="2010年二季钢筋统计"/>
      <sheetName val="桩长"/>
      <sheetName val="溶洞"/>
      <sheetName val="11~12工程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215.xml><?xml version="1.0" encoding="utf-8"?>
<externalLink xmlns="http://schemas.openxmlformats.org/spreadsheetml/2006/main">
  <externalBook xmlns:r="http://schemas.openxmlformats.org/officeDocument/2006/relationships" r:id="rId1">
    <sheetNames>
      <sheetName val="签证01"/>
      <sheetName val="单价45"/>
      <sheetName val="单价33"/>
      <sheetName val="签证06工程量"/>
      <sheetName val="7~10工程量"/>
      <sheetName val="7-10建清45"/>
      <sheetName val="7-10结清33"/>
      <sheetName val="7~10清单33"/>
      <sheetName val="1-6建清45"/>
      <sheetName val="1-6结清33"/>
      <sheetName val="1~6清单33"/>
      <sheetName val="1~6工程量"/>
      <sheetName val="签证02.03.05.06.07"/>
      <sheetName val="安装工程量计算底稿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16.xml><?xml version="1.0" encoding="utf-8"?>
<externalLink xmlns="http://schemas.openxmlformats.org/spreadsheetml/2006/main">
  <externalBook xmlns:r="http://schemas.openxmlformats.org/officeDocument/2006/relationships" r:id="rId1">
    <sheetNames>
      <sheetName val="结算审核表C5"/>
      <sheetName val="结算确认C5`"/>
      <sheetName val="汇总表"/>
      <sheetName val="清单汇总表"/>
      <sheetName val="装修部分清单对比表"/>
      <sheetName val="安装部分清单对比表"/>
      <sheetName val="装修计算书"/>
      <sheetName val="安装工程量计算底稿"/>
      <sheetName val="Sheet2"/>
      <sheetName val="经济指标"/>
      <sheetName val="2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217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</sheetNames>
    <definedNames>
      <definedName name="__V200" refersTo="='#REF!'!#REF!"/>
      <definedName name="_28V200_" refersTo="='#REF!'!#REF!"/>
      <definedName name="_29V200_" refersTo="='#REF!'!#REF!"/>
      <definedName name="_V200" refersTo="='#REF!'!#REF!"/>
      <definedName name="asdfas" refersTo="='#REF!'!#REF!"/>
      <definedName name="DSFGB" refersTo="='#REF!'!#REF!"/>
      <definedName name="Macro11" refersTo="='#REF!'!#REF!"/>
      <definedName name="SHOP2" refersTo="='#REF!'!#REF!"/>
      <definedName name="ss" refersTo="='#REF!'!#REF!"/>
      <definedName name="SSSS" refersTo="='#REF!'!#REF!"/>
      <definedName name="W.SHOP" refersTo="='#REF!'!#REF!"/>
      <definedName name="권" refersTo="='#REF!'!#REF!"/>
      <definedName name="권종원" refersTo="='#REF!'!#REF!"/>
      <definedName name="김세일" refersTo="='#REF!'!#REF!"/>
      <definedName name="김일" refersTo="='#REF!'!#REF!"/>
      <definedName name="노" refersTo="='#REF!'!#REF!"/>
      <definedName name="덕수" refersTo="='#REF!'!#REF!"/>
      <definedName name="마" refersTo="='#REF!'!#REF!"/>
      <definedName name="세일" refersTo="='#REF!'!#REF!"/>
      <definedName name="아" refersTo="='#REF!'!#REF!"/>
      <definedName name="안녕" refersTo="='#REF!'!#REF!"/>
      <definedName name="안주" refersTo="='#REF!'!#REF!"/>
      <definedName name="원가계산" refersTo="='#REF!'!#REF!"/>
      <definedName name="원가계산창" refersTo="='#REF!'!#REF!"/>
      <definedName name="이미" refersTo="='#REF!'!#REF!"/>
      <definedName name="이미도" refersTo="='#REF!'!#REF!"/>
      <definedName name="인쇄양식" refersTo="='#REF!'!#REF!"/>
      <definedName name="자재인력조달" refersTo="='#REF!'!#REF!"/>
      <definedName name="종원" refersTo="='#REF!'!#REF!"/>
      <definedName name="철콘공사" refersTo="='#REF!'!#REF!"/>
      <definedName name="투찰서_2" refersTo="='#REF!'!#REF!"/>
      <definedName name="투찰서_3" refersTo="='#REF!'!#REF!"/>
      <definedName name="투찰서2" refersTo="='#REF!'!#REF!"/>
      <definedName name="후다" refersTo="='#REF!'!#REF!"/>
    </definedNames>
    <sheetDataSet>
      <sheetData sheetId="0" refreshError="1"/>
    </sheetDataSet>
  </externalBook>
</externalLink>
</file>

<file path=xl/externalLinks/externalLink22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工程量"/>
      <sheetName val="#REF"/>
      <sheetName val="D0026B3"/>
      <sheetName val="S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3.xml><?xml version="1.0" encoding="utf-8"?>
<externalLink xmlns="http://schemas.openxmlformats.org/spreadsheetml/2006/main">
  <externalBook xmlns:r="http://schemas.openxmlformats.org/officeDocument/2006/relationships" r:id="rId1">
    <sheetNames>
      <sheetName val="금융비용"/>
      <sheetName val="COVER"/>
      <sheetName val="내역"/>
      <sheetName val="입찰안"/>
      <sheetName val="대비"/>
      <sheetName val="雨棚"/>
      <sheetName val="Sheet1"/>
      <sheetName val="材料"/>
      <sheetName val="2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24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总报价表"/>
      <sheetName val="措施项目"/>
      <sheetName val="补充清单"/>
      <sheetName val="措施费分析表"/>
      <sheetName val="防腐单价明细表"/>
      <sheetName val="备用材料"/>
      <sheetName val="清单1"/>
      <sheetName val="清单2"/>
      <sheetName val="2.1"/>
      <sheetName val="2.7"/>
      <sheetName val="2.8"/>
      <sheetName val="2.9"/>
      <sheetName val="2.10"/>
      <sheetName val="3.1"/>
      <sheetName val="3.2"/>
      <sheetName val="3.3"/>
      <sheetName val="3.4"/>
      <sheetName val="3.5"/>
      <sheetName val="3.6"/>
      <sheetName val="3.7"/>
      <sheetName val="3.8"/>
      <sheetName val="3.9"/>
      <sheetName val="3.10"/>
      <sheetName val="3.11"/>
      <sheetName val="清单3"/>
      <sheetName val="3..1"/>
      <sheetName val="3..2"/>
      <sheetName val="3..3"/>
      <sheetName val="3..4"/>
      <sheetName val="3..5"/>
      <sheetName val="3..6"/>
      <sheetName val="3..7"/>
      <sheetName val="3..8"/>
      <sheetName val="3。1"/>
      <sheetName val="3。2"/>
      <sheetName val="3。3"/>
      <sheetName val="3。4"/>
      <sheetName val="3。5"/>
      <sheetName val="3。6"/>
      <sheetName val="4.1"/>
      <sheetName val="4.2"/>
      <sheetName val="4.3"/>
      <sheetName val="4.4"/>
      <sheetName val="4.5"/>
      <sheetName val="4.6"/>
      <sheetName val="4.7"/>
      <sheetName val="清单4"/>
      <sheetName val="4.9"/>
      <sheetName val="4.10"/>
      <sheetName val="4.11"/>
      <sheetName val="4.12"/>
      <sheetName val="4.13"/>
      <sheetName val="4.14"/>
      <sheetName val="主材表"/>
      <sheetName val="雨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</sheetDataSet>
  </externalBook>
</externalLink>
</file>

<file path=xl/externalLinks/externalLink25.xml><?xml version="1.0" encoding="utf-8"?>
<externalLink xmlns="http://schemas.openxmlformats.org/spreadsheetml/2006/main">
  <externalBook xmlns:r="http://schemas.openxmlformats.org/officeDocument/2006/relationships" r:id="rId1">
    <sheetNames>
      <sheetName val="금액내역서"/>
      <sheetName val="저"/>
      <sheetName val="Baby일위대가"/>
      <sheetName val="材料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6.xml><?xml version="1.0" encoding="utf-8"?>
<externalLink xmlns="http://schemas.openxmlformats.org/spreadsheetml/2006/main">
  <externalBook xmlns:r="http://schemas.openxmlformats.org/officeDocument/2006/relationships" r:id="rId1">
    <sheetNames>
      <sheetName val="第一部分定价"/>
      <sheetName val="指标对比"/>
      <sheetName val="开办费"/>
      <sheetName val="开办明细格式"/>
      <sheetName val="1-3"/>
      <sheetName val="9"/>
      <sheetName val="7"/>
      <sheetName val="4-6"/>
      <sheetName val="1-3对比"/>
      <sheetName val="标报对比"/>
      <sheetName val="工程量计算"/>
      <sheetName val="#REF!"/>
      <sheetName val="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7.xml><?xml version="1.0" encoding="utf-8"?>
<externalLink xmlns="http://schemas.openxmlformats.org/spreadsheetml/2006/main">
  <externalBook xmlns:r="http://schemas.openxmlformats.org/officeDocument/2006/relationships" r:id="rId1">
    <sheetNames>
      <sheetName val="W-현원가"/>
      <sheetName val="환율"/>
      <sheetName val="MAIN"/>
      <sheetName val="W-100"/>
      <sheetName val="FUEL FILLER"/>
      <sheetName val="雨棚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8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报价清单表 "/>
      <sheetName val="报价明细表"/>
      <sheetName val="分项含量  "/>
      <sheetName val="合项含量"/>
      <sheetName val="#REF!"/>
      <sheetName val="3"/>
      <sheetName val="7"/>
      <sheetName val="投标材料清单 "/>
      <sheetName val="2"/>
      <sheetName val="改加胶玻璃、室外栏杆"/>
      <sheetName val="D0026B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9.xml><?xml version="1.0" encoding="utf-8"?>
<externalLink xmlns="http://schemas.openxmlformats.org/spreadsheetml/2006/main">
  <externalBook xmlns:r="http://schemas.openxmlformats.org/officeDocument/2006/relationships" r:id="rId1">
    <sheetNames>
      <sheetName val="eqpmad2"/>
      <sheetName val="SW-TEO"/>
      <sheetName val="1#量统计"/>
      <sheetName val="报价明细表"/>
      <sheetName val="工程量"/>
      <sheetName val="单价表"/>
      <sheetName val="材料调价表"/>
      <sheetName val="#REF!"/>
      <sheetName val="材料单价表"/>
      <sheetName val="3"/>
      <sheetName val="예가표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골조시행"/>
      <sheetName val="부지현황"/>
      <sheetName val="목록"/>
      <sheetName val="공사개요"/>
      <sheetName val="파스콘"/>
      <sheetName val="견적의뢰"/>
      <sheetName val="목창호재견적"/>
      <sheetName val="바닥재"/>
      <sheetName val="도면CHECK"/>
      <sheetName val="사진첩"/>
      <sheetName val="출장정리"/>
      <sheetName val="골조-101"/>
      <sheetName val="골조-102"/>
      <sheetName val="골조-103"/>
      <sheetName val="골조-105"/>
      <sheetName val="바닥면정리"/>
      <sheetName val="창호-101"/>
      <sheetName val="창호-102&amp;104"/>
      <sheetName val="창호-103"/>
      <sheetName val="창호-105"/>
      <sheetName val="창호-TOT"/>
      <sheetName val="창호-부속동"/>
      <sheetName val="파일길이"/>
      <sheetName val="xxxxxx"/>
      <sheetName val="품의"/>
      <sheetName val="가실행정리"/>
      <sheetName val="Cost bd-&quot;A&quot;"/>
      <sheetName val="FitOutConfCentr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30.xml><?xml version="1.0" encoding="utf-8"?>
<externalLink xmlns="http://schemas.openxmlformats.org/spreadsheetml/2006/main">
  <externalBook xmlns:r="http://schemas.openxmlformats.org/officeDocument/2006/relationships" r:id="rId1">
    <sheetNames>
      <sheetName val="eqpmad2"/>
      <sheetName val="UFPrn20020708110604"/>
      <sheetName val="XL4Poppy"/>
      <sheetName val="管比表（2）"/>
      <sheetName val="科余"/>
      <sheetName val="制比表（2）"/>
      <sheetName val="损表"/>
      <sheetName val="固折（2）"/>
      <sheetName val="预提表"/>
      <sheetName val="资负表"/>
      <sheetName val="毛利表"/>
      <sheetName val="应税表"/>
      <sheetName val="管比表"/>
      <sheetName val="预算底稿"/>
      <sheetName val="管理费用预算"/>
      <sheetName val="固定生产成本预算"/>
      <sheetName val="本期发生"/>
      <sheetName val="11度华丹"/>
      <sheetName val="13度高浓"/>
      <sheetName val="13度分配表"/>
      <sheetName val="13.65度雪花"/>
      <sheetName val="13.6雪花分配表"/>
      <sheetName val="13.65度沈阳"/>
      <sheetName val="13.65沈阳分配表"/>
      <sheetName val="11度干啤"/>
      <sheetName val="酵造过滤分配"/>
      <sheetName val="新水分配表"/>
      <sheetName val="酿造煤水电"/>
      <sheetName val="酿造麦芽"/>
      <sheetName val="汇总表"/>
      <sheetName val="煤水电备份 "/>
      <sheetName val="10.5度成本表"/>
      <sheetName val="11度雪成本表"/>
      <sheetName val="11度亚特成本表"/>
      <sheetName val="雪花干成本表"/>
      <sheetName val="华丹成本表"/>
      <sheetName val="11度沈阳鲜成本表"/>
      <sheetName val="制品辅料"/>
      <sheetName val="制品煤水电"/>
      <sheetName val="制品瓶盖商标"/>
      <sheetName val="雪花分配表"/>
      <sheetName val="雪花干分配表"/>
      <sheetName val="沈阳鲜分配表"/>
      <sheetName val="华丹分配"/>
      <sheetName val="桶酒15L"/>
      <sheetName val="桶酒20L"/>
      <sheetName val="桶酒30L"/>
      <sheetName val="桶酒10L"/>
      <sheetName val="桶酒5L"/>
      <sheetName val="桶酒20L (雪) "/>
      <sheetName val="桶酒30L (雪)  "/>
      <sheetName val="桶酒15L(华）"/>
      <sheetName val="桶酒20L（华）"/>
      <sheetName val="桶酒30L（华）"/>
      <sheetName val="桶酒20L(雪花干）"/>
      <sheetName val="说明"/>
      <sheetName val="销量"/>
      <sheetName val="共享"/>
      <sheetName val="促销活动"/>
      <sheetName val="活动"/>
      <sheetName val="总表"/>
      <sheetName val="POWER ASSUMPTIONS"/>
      <sheetName val="¹Ü±È±í£¨2£©"/>
      <sheetName val="¿ÆÓà"/>
      <sheetName val="ÖÆ±È±í£¨2£©"/>
      <sheetName val="Ëð±í"/>
      <sheetName val="¹ÌÕÛ£¨2£©"/>
      <sheetName val="Ô¤Ìá±í"/>
      <sheetName val="×Ê¸º±í"/>
      <sheetName val="Ã«Àû±í"/>
      <sheetName val="Ó¦Ë°±í"/>
      <sheetName val="¹Ü±È±í"/>
      <sheetName val="Ô¤Ëãµ×¸å"/>
      <sheetName val="¹ÜÀí·ÑÓÃÔ¤Ëã"/>
      <sheetName val="¹Ì¶¨Éú²ú³É±¾Ô¤Ëã"/>
      <sheetName val="±¾ÆÚ·¢Éú"/>
      <sheetName val="11¶È»ªµ¤"/>
      <sheetName val="13¶È¸ßÅ¨"/>
      <sheetName val="13¶È·ÖÅä±í"/>
      <sheetName val="13.65¶ÈÑ©»¨"/>
      <sheetName val="13.6Ñ©»¨·ÖÅä±í"/>
      <sheetName val="13.65¶ÈÉòÑô"/>
      <sheetName val="13.65ÉòÑô·ÖÅä±í"/>
      <sheetName val="11¶È¸ÉÆ¡"/>
      <sheetName val="½ÍÔì¹ýÂË·ÖÅä"/>
      <sheetName val="ÐÂË®·ÖÅä±í"/>
      <sheetName val="ÄðÔìÃºË®µç"/>
      <sheetName val="ÄðÔìÂóÑ¿"/>
      <sheetName val="»ã×Ü±í"/>
      <sheetName val="ÃºË®µç±¸·Ý "/>
      <sheetName val="10.5¶È³É±¾±í"/>
      <sheetName val="11¶ÈÑ©³É±¾±í"/>
      <sheetName val="11¶ÈÑÇÌØ³É±¾±í"/>
      <sheetName val="Ñ©»¨¸É³É±¾±í"/>
      <sheetName val="»ªµ¤³É±¾±í"/>
      <sheetName val="11¶ÈÉòÑôÏÊ³É±¾±í"/>
      <sheetName val="ÖÆÆ·¸¨ÁÏ"/>
      <sheetName val="ÖÆÆ·ÃºË®µç"/>
      <sheetName val="ÖÆÆ·Æ¿¸ÇÉÌ±ê"/>
      <sheetName val="Ñ©»¨·ÖÅä±í"/>
      <sheetName val="Ñ©»¨¸É·ÖÅä±í"/>
      <sheetName val="ÉòÑôÏÊ·ÖÅä±í"/>
      <sheetName val="»ªµ¤·ÖÅä"/>
      <sheetName val="Í°¾Æ15L"/>
      <sheetName val="Í°¾Æ20L"/>
      <sheetName val="Í°¾Æ30L"/>
      <sheetName val="Í°¾Æ10L"/>
      <sheetName val="Í°¾Æ5L"/>
      <sheetName val="Í°¾Æ20L (Ñ©) "/>
      <sheetName val="Í°¾Æ30L (Ñ©)  "/>
      <sheetName val="Í°¾Æ15L(»ª£©"/>
      <sheetName val="Í°¾Æ20L£¨»ª£©"/>
      <sheetName val="Í°¾Æ30L£¨»ª£©"/>
      <sheetName val="Í°¾Æ20L(Ñ©»¨¸É£©"/>
      <sheetName val="ËµÃ÷"/>
      <sheetName val="ÏúÁ¿"/>
      <sheetName val="¹²Ïí"/>
      <sheetName val="´ÙÏú»î¶¯"/>
      <sheetName val="»î¶¯"/>
      <sheetName val="×Ü±í"/>
      <sheetName val="B"/>
      <sheetName val="趋势图"/>
      <sheetName val="折旧测试"/>
      <sheetName val="应收账款及预收账款明细表"/>
      <sheetName val="81180截止测试"/>
      <sheetName val="营业收入"/>
      <sheetName val="81130主营月份"/>
      <sheetName val="存货明细表 "/>
      <sheetName val="54131"/>
      <sheetName val="存货成本重算"/>
      <sheetName val="投资性房地产"/>
      <sheetName val="占地面积统计表"/>
      <sheetName val="企业表一"/>
      <sheetName val="M-5C"/>
      <sheetName val="M-5A"/>
      <sheetName val="Sheet1"/>
      <sheetName val="应收账款明细表"/>
      <sheetName val="应付－武汉运盛钢铁贸易有限公司"/>
      <sheetName val="襄樊鼎益机电有限公司"/>
      <sheetName val="会计科目"/>
      <sheetName val="盈余公积 （合并)"/>
      <sheetName val="包增减变动"/>
      <sheetName val="#REF!"/>
      <sheetName val="CF"/>
      <sheetName val="长期股权投资"/>
      <sheetName val="封面"/>
      <sheetName val="总分类账"/>
      <sheetName val="固定资产明细表"/>
      <sheetName val="固及累及减值"/>
      <sheetName val="56261盘点"/>
      <sheetName val="货币资金"/>
      <sheetName val="其他应收明细表"/>
      <sheetName val="在建工程审计说明"/>
      <sheetName val="124301 查询"/>
      <sheetName val="经贸库存商品"/>
      <sheetName val="户名"/>
      <sheetName val="inf"/>
      <sheetName val="Third party"/>
      <sheetName val="82130其他"/>
      <sheetName val="表4-12"/>
      <sheetName val="核算项目余额表"/>
      <sheetName val="G.1R-Shou COP Gf"/>
      <sheetName val=""/>
      <sheetName val="21"/>
      <sheetName val="Financ. Overview"/>
      <sheetName val="Toolbox"/>
      <sheetName val="Open"/>
      <sheetName val="SW-TEO"/>
      <sheetName val="Main"/>
      <sheetName val="经济指标"/>
      <sheetName val="钢筋计算表"/>
      <sheetName val="石材购买量统计"/>
      <sheetName val="墙面工程"/>
      <sheetName val="销售财务日报表②"/>
      <sheetName val="参照表"/>
      <sheetName val="46亩(新)"/>
      <sheetName val="基础数据命名表"/>
      <sheetName val="技术指标"/>
      <sheetName val="税金预测"/>
      <sheetName val="主要规划指标"/>
      <sheetName val="税金缴纳情况"/>
      <sheetName val="土地款预测"/>
      <sheetName val="销售回款预测"/>
      <sheetName val="08.01"/>
      <sheetName val="政府性收费预测"/>
      <sheetName val="单位库"/>
      <sheetName val="电视监控"/>
      <sheetName val="11年计划"/>
      <sheetName val="字段"/>
      <sheetName val="折线图2数据"/>
      <sheetName val="1.投标总价封面"/>
      <sheetName val="合计"/>
      <sheetName val="P1012001"/>
      <sheetName val="变更部分 (3) "/>
      <sheetName val="D栋计算式明细"/>
      <sheetName val="内围地梁钢筋说明"/>
      <sheetName val="1-4栋结算清单汇总表"/>
      <sheetName val="参数表"/>
      <sheetName val="Sheet1 (11)"/>
      <sheetName val="五金"/>
      <sheetName val="KKKKKKKK"/>
      <sheetName val="SMCTSSP2"/>
      <sheetName val="Market share"/>
      <sheetName val="fs(for Consol)"/>
      <sheetName val="10-2.固定资产处置表"/>
      <sheetName val="资产表横向"/>
      <sheetName val="目录"/>
      <sheetName val="期初调整"/>
      <sheetName val="平均年限法(基于入账原值和入账预计使用期间)"/>
      <sheetName val="计算稿封面"/>
      <sheetName val="门窗表"/>
      <sheetName val="计算稿"/>
      <sheetName val="工程量清单（一标段）"/>
      <sheetName val="工程量"/>
      <sheetName val="56271-2"/>
      <sheetName val="3、工程在施情况明细表 "/>
      <sheetName val="_x005f_x0000__x005f_x0000__x005"/>
      <sheetName val="代码表"/>
      <sheetName val="_x005f_x0000__x005f"/>
      <sheetName val="工商税收"/>
      <sheetName val="GDP"/>
      <sheetName val="2.1设计部"/>
      <sheetName val="00000ppy"/>
      <sheetName val="改加胶玻璃、室外栏杆"/>
      <sheetName val="分类说明"/>
      <sheetName val="原因说明"/>
      <sheetName val="土建工程综合单价表"/>
      <sheetName val="_"/>
      <sheetName val="一般预算收入"/>
      <sheetName val="_x005f_x005f_"/>
      <sheetName val="_x005f_x005f_x005f_x0000__x005f"/>
      <sheetName val="_x005f_x005f_x005f_x005f_"/>
      <sheetName val="土建工程综合单价组价明细表"/>
      <sheetName val="地上结构重计量争议汇总表"/>
      <sheetName val="地下结构重计量争议汇总表"/>
      <sheetName val="二层"/>
      <sheetName val="固化库"/>
      <sheetName val="梁"/>
      <sheetName val="Criteria"/>
      <sheetName val="资产分类信息"/>
      <sheetName val="13_65度雪花"/>
      <sheetName val="13_6雪花分配表"/>
      <sheetName val="13_65度沈阳"/>
      <sheetName val="13_65沈阳分配表"/>
      <sheetName val="煤水电备份_"/>
      <sheetName val="10_5度成本表"/>
      <sheetName val="桶酒20L_(雪)_"/>
      <sheetName val="桶酒30L_(雪)__"/>
      <sheetName val="POWER_ASSUMPTIONS"/>
      <sheetName val="13_65¶ÈÑ©»¨"/>
      <sheetName val="13_6Ñ©»¨·ÖÅä±í"/>
      <sheetName val="13_65¶ÈÉòÑô"/>
      <sheetName val="13_65ÉòÑô·ÖÅä±í"/>
      <sheetName val="ÃºË®µç±¸·Ý_"/>
      <sheetName val="10_5¶È³É±¾±í"/>
      <sheetName val="Í°¾Æ20L_(Ñ©)_"/>
      <sheetName val="Í°¾Æ30L_(Ñ©)__"/>
      <sheetName val="存货明细表_"/>
      <sheetName val="_701"/>
      <sheetName val="_702"/>
      <sheetName val="_703"/>
      <sheetName val="_704"/>
      <sheetName val="_705"/>
      <sheetName val="_712"/>
      <sheetName val="新产品贡献率"/>
      <sheetName val="Financ__Overview"/>
      <sheetName val="管比表（2缉"/>
      <sheetName val="祑余"/>
      <sheetName val="预捐表"/>
      <sheetName val="13.6ᛪ花分配ࡨ"/>
      <sheetName val="13.65沈ᘳ分配表"/>
      <sheetName val="攰水分配表"/>
      <sheetName val="酿造鸦銵"/>
      <sheetName val="汇总ࡨ"/>
      <sheetName val="10.5带成本表"/>
      <sheetName val="11度陪成本表"/>
      <sheetName val="桶ᅒ20L"/>
      <sheetName val="桶酒15L(华缉"/>
      <sheetName val="桶酒30L缈华）"/>
      <sheetName val="桶酒20L(陪舱干）"/>
      <sheetName val="销酏"/>
      <sheetName val="¹Ü±@±í£¨2£©"/>
      <sheetName val="ÖÆ±È±í£¨2£)"/>
      <sheetName val="Kð1í"/>
      <sheetName val="¹ÌÕ_£¨2£©"/>
      <sheetName val="Ô$Ìá±m"/>
      <sheetName val="WÊ¸º1m"/>
      <sheetName val="Ã«À{±í"/>
      <sheetName val="Ó¦K°1í"/>
      <sheetName val="________"/>
      <sheetName val="4.3.1物料损耗率"/>
      <sheetName val="#REF"/>
      <sheetName val="月计划"/>
      <sheetName val="单价"/>
      <sheetName val="隔墙"/>
      <sheetName val="下拉菜单"/>
      <sheetName val="D房底稿"/>
      <sheetName val="A1-1"/>
      <sheetName val="A1-2"/>
      <sheetName val="A1-3"/>
      <sheetName val="A2-1"/>
      <sheetName val="A2-2"/>
      <sheetName val="BS房底稿"/>
      <sheetName val="隔墙、幕墙"/>
      <sheetName val="B1-4"/>
      <sheetName val="B1-5"/>
      <sheetName val="B2-4"/>
      <sheetName val="B2-5"/>
      <sheetName val="B3-1"/>
      <sheetName val="C1-2"/>
      <sheetName val="C2-2"/>
      <sheetName val="C2-3"/>
      <sheetName val="C3-1"/>
      <sheetName val="C4-1"/>
      <sheetName val="D1-4"/>
      <sheetName val="D1-5"/>
      <sheetName val="D1-6"/>
      <sheetName val="主材表（给排水）"/>
      <sheetName val="地梁"/>
      <sheetName val="5期B栋会所装饰精装修"/>
      <sheetName val="2006年10月"/>
      <sheetName val="材料"/>
      <sheetName val="装饰部分"/>
      <sheetName val="土方、桩基、支护、降水工程综合单价表"/>
      <sheetName val="土方、桩基、支护、降水工程综合单价组价明细表"/>
      <sheetName val="防水工程"/>
      <sheetName val="强电清单"/>
      <sheetName val="设计指标"/>
      <sheetName val="金双楠项目"/>
      <sheetName val="跟踪分析表"/>
      <sheetName val="成本下降版"/>
      <sheetName val="经济指标分析表"/>
      <sheetName val="廊桥水乡"/>
      <sheetName val="中央公园城"/>
      <sheetName val="中小学生"/>
      <sheetName val="装修材料费"/>
      <sheetName val="算分表"/>
      <sheetName val="3"/>
      <sheetName val="单价分析表"/>
      <sheetName val="清单（不打印）"/>
      <sheetName val="7"/>
      <sheetName val="投标材料清单 "/>
      <sheetName val="人工费取费"/>
      <sheetName val="综合单价分析表"/>
      <sheetName val="YS02-02"/>
      <sheetName val="设定"/>
      <sheetName val="4"/>
      <sheetName val="5"/>
      <sheetName val="6"/>
      <sheetName val="8"/>
      <sheetName val="9"/>
      <sheetName val="10"/>
      <sheetName val="11"/>
      <sheetName val="12"/>
      <sheetName val="分产品销售收入、成本分析表"/>
      <sheetName val="其他凭证抽查"/>
      <sheetName val="K3代码"/>
      <sheetName val="公司管理费用"/>
      <sheetName val="资产负债表及损益表"/>
      <sheetName val="重要内部交易"/>
      <sheetName val="财务费用"/>
      <sheetName val="管理费用"/>
      <sheetName val="营业费用"/>
      <sheetName val="制造费用"/>
      <sheetName val="所得税凭证抽查"/>
      <sheetName val="应交税费审定表"/>
      <sheetName val="Sheet9"/>
      <sheetName val="预付清单"/>
      <sheetName val="在建工程设备"/>
      <sheetName val="调整分录汇总"/>
      <sheetName val="关联方及集团内清单"/>
      <sheetName val="主营成本"/>
      <sheetName val="Summary"/>
      <sheetName val="summary "/>
      <sheetName val="凭证号"/>
      <sheetName val="64151支付情况"/>
      <sheetName val="资产负债表"/>
      <sheetName val="表头"/>
      <sheetName val="清单12.31"/>
      <sheetName val="Quantity"/>
      <sheetName val="营业成本"/>
      <sheetName val="销售费用"/>
      <sheetName val="所得税费用"/>
      <sheetName val="母子利润汇总"/>
      <sheetName val="2006"/>
      <sheetName val="折旧测试2007"/>
      <sheetName val="审定IN"/>
      <sheetName val="UFPrn20030305081341"/>
      <sheetName val="64130"/>
      <sheetName val="在役资产"/>
      <sheetName val="已减少资产"/>
      <sheetName val="役龄资产统计表"/>
      <sheetName val="房屋及建筑物"/>
      <sheetName val="其他应收款程序表"/>
      <sheetName val="memo"/>
      <sheetName val="应付职工薪酬审定表"/>
      <sheetName val="审计说明64190"/>
      <sheetName val="64170计提及分配"/>
      <sheetName val="64151支付情况-应付工资"/>
      <sheetName val="detail"/>
      <sheetName val="dxnsjtempsheet"/>
      <sheetName val="短期投资股票投资.dbf"/>
      <sheetName val="短期投资国债投资.dbf"/>
      <sheetName val="股票投资收益.dbf"/>
      <sheetName val="其他货币海通.dbf"/>
      <sheetName val="其他货币零领路.dbf"/>
      <sheetName val="投资收益债券.dbf"/>
      <sheetName val="首页"/>
      <sheetName val="基本信息"/>
      <sheetName val="资产负债表调整过程表"/>
      <sheetName val="存货"/>
      <sheetName val="递延所得税资产"/>
      <sheetName val="递延所得税说明08"/>
      <sheetName val="OR Breakdown"/>
      <sheetName val="应交税费程序表"/>
      <sheetName val="应交税费明细表"/>
      <sheetName val="for disclosure"/>
      <sheetName val="三家其他应付公司"/>
      <sheetName val="资过表20011-本部"/>
      <sheetName val="利过表2011-本部"/>
      <sheetName val="审计调整"/>
      <sheetName val="利过表2010.10"/>
      <sheetName val="科目余额表"/>
      <sheetName val="预收款项程序表"/>
      <sheetName val="应付账款程序表"/>
      <sheetName val="审定表"/>
      <sheetName val="预付账款04"/>
      <sheetName val="固定资产04"/>
      <sheetName val="累计折旧04"/>
      <sheetName val="固定资产清理04"/>
      <sheetName val="在建工程-杏花镇"/>
      <sheetName val="在建工程-新厂区"/>
      <sheetName val="应付票据04"/>
      <sheetName val="巢湖新奥2"/>
      <sheetName val="_003固定资产"/>
      <sheetName val="_004固定资产"/>
      <sheetName val="_005固定资产"/>
      <sheetName val="其他应付款科目表"/>
      <sheetName val="_005暂借户"/>
      <sheetName val="_霍邱2003资本公积"/>
      <sheetName val="舒城2004资本公积"/>
      <sheetName val="寿县2005资本公积"/>
      <sheetName val="2005年科目余额表"/>
      <sheetName val="股本-评估调整2004"/>
      <sheetName val="盈余公积-评估调账"/>
      <sheetName val="资本公积-评估调整2004年"/>
      <sheetName val="金寨2003资本公积"/>
      <sheetName val="管理费用程序表"/>
      <sheetName val="固定资产2001年折旧"/>
      <sheetName val="_______"/>
      <sheetName val="总价及单价表"/>
      <sheetName val="XLR_NoRangeSheet"/>
      <sheetName val="Sheet2"/>
      <sheetName val="資料庫"/>
      <sheetName val="包干费用表"/>
      <sheetName val="Wl. Fin."/>
      <sheetName val="JOA首頁"/>
      <sheetName val="甲指乙供材料报价表"/>
      <sheetName val="temp"/>
      <sheetName val="基础编码"/>
      <sheetName val="General"/>
      <sheetName val="承台(砖模) "/>
      <sheetName val="柱"/>
      <sheetName val="客户基本概况表"/>
      <sheetName val="列表"/>
      <sheetName val="评估假设"/>
      <sheetName val="楼层"/>
      <sheetName val="G_1R-Shou_COP_Gf"/>
      <sheetName val="综合认价"/>
      <sheetName val="FYYS-1-编制底稿04-招聘活动支出"/>
      <sheetName val="土方"/>
      <sheetName val="合同"/>
      <sheetName val="主要材料预算价格计算表"/>
      <sheetName val="新明源销售财务日报"/>
      <sheetName val="项目汇总"/>
      <sheetName val="_x005f_x0000__x005f_x0000__x005f_x0000__x005f_x0000__x0"/>
      <sheetName val="_x005f_x005f_x005f_x0000__x005f_x005f_x005f_x0000__x005"/>
      <sheetName val="_x005f_x005f_x005f_x005f_x005f_x005f_x005f_x0000__x005f"/>
      <sheetName val="_x005f_x005f_x005f_x005f_x005f_x005f_x005f_x005f_x005f_x005f_"/>
      <sheetName val="_x005f_x005f_x005f_x005f_x005f_x005f_x005f_x005f_"/>
      <sheetName val="¹ÌÕ[£¨2£©"/>
      <sheetName val="????????"/>
      <sheetName val="雨棚"/>
      <sheetName val="FitOutConfCentre"/>
      <sheetName val="S1单价表"/>
      <sheetName val="收入与成本"/>
      <sheetName val="销售比率"/>
      <sheetName val="ws9"/>
      <sheetName val="科目说明"/>
      <sheetName val="施工参考单价报价表"/>
      <sheetName val="其它工作项目报价清单"/>
      <sheetName val="湿装饰"/>
      <sheetName val="电气部分"/>
      <sheetName val="C、D区室外铺贴工程量计算书"/>
      <sheetName val="单位"/>
      <sheetName val="封面 (3)"/>
      <sheetName val="预算封面"/>
      <sheetName val="工程量计算"/>
      <sheetName val="分部分项清单(模板)"/>
      <sheetName val="损  益  表"/>
      <sheetName val="D1电气单价表"/>
      <sheetName val="小学教学综合楼"/>
      <sheetName val="建筑面积 "/>
      <sheetName val="基础项目"/>
      <sheetName val="집계표"/>
      <sheetName val="物业类型"/>
      <sheetName val="工程成本科目"/>
      <sheetName val="土地成本明细表"/>
      <sheetName val="土地成本科目"/>
      <sheetName val="物业名称清单及分类"/>
      <sheetName val="项目简况"/>
      <sheetName val="基本信息表"/>
      <sheetName val="室内汇总"/>
      <sheetName val="价格表"/>
      <sheetName val="变量单"/>
      <sheetName val="2013-08"/>
      <sheetName val="2015-01"/>
      <sheetName val="2015年6月之前到期商票台账"/>
      <sheetName val="数据有效性"/>
      <sheetName val="科目"/>
      <sheetName val="Proj Assum"/>
      <sheetName val="기본"/>
      <sheetName val="成本科目"/>
      <sheetName val="确认书 "/>
      <sheetName val="Assum"/>
      <sheetName val="调整后报表"/>
      <sheetName val="B5"/>
      <sheetName val="现金流量表"/>
      <sheetName val="报表附注"/>
      <sheetName val="参数"/>
      <sheetName val="ZH封面"/>
      <sheetName val="ZH-1明细表"/>
      <sheetName val="信宜"/>
      <sheetName val="设计部"/>
      <sheetName val="07水"/>
      <sheetName val="工程量汇总表"/>
      <sheetName val="模板"/>
      <sheetName val="19#楼(作废)"/>
      <sheetName val="计算表2"/>
      <sheetName val="玻璃"/>
      <sheetName val="材料名称标准表"/>
      <sheetName val="五金配件(1)"/>
      <sheetName val="名称"/>
      <sheetName val="1"/>
      <sheetName val="清单"/>
      <sheetName val="型材表"/>
      <sheetName val="价格"/>
      <sheetName val="GRSummary"/>
      <sheetName val="List price"/>
      <sheetName val="设置"/>
      <sheetName val="成品计价测试"/>
      <sheetName val="主营业务收入成本审定明细表"/>
      <sheetName val="工程施工审定表"/>
      <sheetName val="营业收入程序表"/>
      <sheetName val="营业成本11"/>
      <sheetName val="福华整理6月负债表"/>
      <sheetName val="灰铁明细账"/>
      <sheetName val="国产化斜楔明细账"/>
      <sheetName val="600104(部门）"/>
      <sheetName val="改账前余额表"/>
      <sheetName val="帐务资料"/>
      <sheetName val="长期股权投资Cx"/>
      <sheetName val="长期股权投资Dy"/>
      <sheetName val="实收资本Cx"/>
      <sheetName val="资产减值损失Cx"/>
      <sheetName val="库存商品Cx"/>
      <sheetName val="4-货币资金-现金"/>
      <sheetName val="订单"/>
      <sheetName val="_04009"/>
      <sheetName val="_0401"/>
      <sheetName val="UFPrn20040930171821"/>
      <sheetName val="选项表"/>
      <sheetName val="营业成本程序表"/>
      <sheetName val="生产设备"/>
      <sheetName val="生产设备(旧）"/>
      <sheetName val="酒店土建工程综合单价表"/>
      <sheetName val="酒店土建工程综合单价组价明细表"/>
      <sheetName val="220（李辉）"/>
      <sheetName val="180曹芳"/>
      <sheetName val="5201.2004"/>
      <sheetName val="点表"/>
      <sheetName val="报价细目表"/>
      <sheetName val="人员支出"/>
      <sheetName val="编码"/>
      <sheetName val="基本参数"/>
      <sheetName val="成本估算"/>
      <sheetName val="1-4座工程量明细表"/>
      <sheetName val="电房"/>
      <sheetName val="301-6"/>
      <sheetName val="工程材料"/>
      <sheetName val="楼梯钢筋"/>
      <sheetName val="广电外墙"/>
      <sheetName val="建筑节点"/>
      <sheetName val="计算式要求"/>
      <sheetName val="금융비용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 refreshError="1"/>
      <sheetData sheetId="352" refreshError="1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 refreshError="1"/>
      <sheetData sheetId="363" refreshError="1"/>
      <sheetData sheetId="364" refreshError="1"/>
      <sheetData sheetId="365" refreshError="1"/>
      <sheetData sheetId="366" refreshError="1"/>
      <sheetData sheetId="367" refreshError="1"/>
      <sheetData sheetId="368" refreshError="1"/>
      <sheetData sheetId="369" refreshError="1"/>
      <sheetData sheetId="370" refreshError="1"/>
      <sheetData sheetId="371" refreshError="1"/>
      <sheetData sheetId="372" refreshError="1"/>
      <sheetData sheetId="373" refreshError="1"/>
      <sheetData sheetId="374" refreshError="1"/>
      <sheetData sheetId="375" refreshError="1"/>
      <sheetData sheetId="376" refreshError="1"/>
      <sheetData sheetId="377" refreshError="1"/>
      <sheetData sheetId="378" refreshError="1"/>
      <sheetData sheetId="379" refreshError="1"/>
      <sheetData sheetId="380" refreshError="1"/>
      <sheetData sheetId="381" refreshError="1"/>
      <sheetData sheetId="382" refreshError="1"/>
      <sheetData sheetId="383" refreshError="1"/>
      <sheetData sheetId="384" refreshError="1"/>
      <sheetData sheetId="385" refreshError="1"/>
      <sheetData sheetId="386" refreshError="1"/>
      <sheetData sheetId="387" refreshError="1"/>
      <sheetData sheetId="388" refreshError="1"/>
      <sheetData sheetId="389" refreshError="1"/>
      <sheetData sheetId="390" refreshError="1"/>
      <sheetData sheetId="391" refreshError="1"/>
      <sheetData sheetId="392" refreshError="1"/>
      <sheetData sheetId="393" refreshError="1"/>
      <sheetData sheetId="394" refreshError="1"/>
      <sheetData sheetId="395" refreshError="1"/>
      <sheetData sheetId="396" refreshError="1"/>
      <sheetData sheetId="397" refreshError="1"/>
      <sheetData sheetId="398" refreshError="1"/>
      <sheetData sheetId="399" refreshError="1"/>
      <sheetData sheetId="400" refreshError="1"/>
      <sheetData sheetId="401" refreshError="1"/>
      <sheetData sheetId="402" refreshError="1"/>
      <sheetData sheetId="403" refreshError="1"/>
      <sheetData sheetId="404" refreshError="1"/>
      <sheetData sheetId="405" refreshError="1"/>
      <sheetData sheetId="406" refreshError="1"/>
      <sheetData sheetId="407" refreshError="1"/>
      <sheetData sheetId="408" refreshError="1"/>
      <sheetData sheetId="409" refreshError="1"/>
      <sheetData sheetId="410" refreshError="1"/>
      <sheetData sheetId="411" refreshError="1"/>
      <sheetData sheetId="412" refreshError="1"/>
      <sheetData sheetId="413" refreshError="1"/>
      <sheetData sheetId="414" refreshError="1"/>
      <sheetData sheetId="415" refreshError="1"/>
      <sheetData sheetId="416" refreshError="1"/>
      <sheetData sheetId="417" refreshError="1"/>
      <sheetData sheetId="418" refreshError="1"/>
      <sheetData sheetId="419" refreshError="1"/>
      <sheetData sheetId="420" refreshError="1"/>
      <sheetData sheetId="421" refreshError="1"/>
      <sheetData sheetId="422" refreshError="1"/>
      <sheetData sheetId="423" refreshError="1"/>
      <sheetData sheetId="424" refreshError="1"/>
      <sheetData sheetId="425" refreshError="1"/>
      <sheetData sheetId="426" refreshError="1"/>
      <sheetData sheetId="427" refreshError="1"/>
      <sheetData sheetId="428" refreshError="1"/>
      <sheetData sheetId="429" refreshError="1"/>
      <sheetData sheetId="430" refreshError="1"/>
      <sheetData sheetId="431" refreshError="1"/>
      <sheetData sheetId="432" refreshError="1"/>
      <sheetData sheetId="433" refreshError="1"/>
      <sheetData sheetId="434" refreshError="1"/>
      <sheetData sheetId="435" refreshError="1"/>
      <sheetData sheetId="436" refreshError="1"/>
      <sheetData sheetId="437" refreshError="1"/>
      <sheetData sheetId="438" refreshError="1"/>
      <sheetData sheetId="439" refreshError="1"/>
      <sheetData sheetId="440" refreshError="1"/>
      <sheetData sheetId="441" refreshError="1"/>
      <sheetData sheetId="442" refreshError="1"/>
      <sheetData sheetId="443" refreshError="1"/>
      <sheetData sheetId="444" refreshError="1"/>
      <sheetData sheetId="445" refreshError="1"/>
      <sheetData sheetId="446" refreshError="1"/>
      <sheetData sheetId="447" refreshError="1"/>
      <sheetData sheetId="448" refreshError="1"/>
      <sheetData sheetId="449" refreshError="1"/>
      <sheetData sheetId="450" refreshError="1"/>
      <sheetData sheetId="451" refreshError="1"/>
      <sheetData sheetId="452" refreshError="1"/>
      <sheetData sheetId="453" refreshError="1"/>
      <sheetData sheetId="454" refreshError="1"/>
      <sheetData sheetId="455" refreshError="1"/>
      <sheetData sheetId="456" refreshError="1"/>
      <sheetData sheetId="457" refreshError="1"/>
      <sheetData sheetId="458" refreshError="1"/>
      <sheetData sheetId="459" refreshError="1"/>
      <sheetData sheetId="460" refreshError="1"/>
      <sheetData sheetId="461" refreshError="1"/>
      <sheetData sheetId="462" refreshError="1"/>
      <sheetData sheetId="463" refreshError="1"/>
      <sheetData sheetId="464" refreshError="1"/>
      <sheetData sheetId="465" refreshError="1"/>
      <sheetData sheetId="466" refreshError="1"/>
      <sheetData sheetId="467" refreshError="1"/>
      <sheetData sheetId="468" refreshError="1"/>
      <sheetData sheetId="469" refreshError="1"/>
      <sheetData sheetId="470" refreshError="1"/>
      <sheetData sheetId="471" refreshError="1"/>
      <sheetData sheetId="472" refreshError="1"/>
      <sheetData sheetId="473" refreshError="1"/>
      <sheetData sheetId="474" refreshError="1"/>
      <sheetData sheetId="475" refreshError="1"/>
      <sheetData sheetId="476" refreshError="1"/>
      <sheetData sheetId="477" refreshError="1"/>
      <sheetData sheetId="478" refreshError="1"/>
      <sheetData sheetId="479" refreshError="1"/>
      <sheetData sheetId="480" refreshError="1"/>
      <sheetData sheetId="481" refreshError="1"/>
      <sheetData sheetId="482" refreshError="1"/>
      <sheetData sheetId="483" refreshError="1"/>
      <sheetData sheetId="484" refreshError="1"/>
      <sheetData sheetId="485" refreshError="1"/>
      <sheetData sheetId="486" refreshError="1"/>
      <sheetData sheetId="487" refreshError="1"/>
      <sheetData sheetId="488" refreshError="1"/>
      <sheetData sheetId="489" refreshError="1"/>
      <sheetData sheetId="490" refreshError="1"/>
      <sheetData sheetId="491" refreshError="1"/>
      <sheetData sheetId="492" refreshError="1"/>
      <sheetData sheetId="493" refreshError="1"/>
      <sheetData sheetId="494" refreshError="1"/>
      <sheetData sheetId="495" refreshError="1"/>
      <sheetData sheetId="496" refreshError="1"/>
      <sheetData sheetId="497" refreshError="1"/>
      <sheetData sheetId="498" refreshError="1"/>
      <sheetData sheetId="499" refreshError="1"/>
      <sheetData sheetId="500" refreshError="1"/>
      <sheetData sheetId="501" refreshError="1"/>
      <sheetData sheetId="502" refreshError="1"/>
      <sheetData sheetId="503" refreshError="1"/>
      <sheetData sheetId="504" refreshError="1"/>
      <sheetData sheetId="505" refreshError="1"/>
      <sheetData sheetId="506" refreshError="1"/>
      <sheetData sheetId="507" refreshError="1"/>
      <sheetData sheetId="508" refreshError="1"/>
      <sheetData sheetId="509" refreshError="1"/>
      <sheetData sheetId="510" refreshError="1"/>
      <sheetData sheetId="511" refreshError="1"/>
      <sheetData sheetId="512" refreshError="1"/>
      <sheetData sheetId="513" refreshError="1"/>
      <sheetData sheetId="514" refreshError="1"/>
      <sheetData sheetId="515" refreshError="1"/>
      <sheetData sheetId="516" refreshError="1"/>
      <sheetData sheetId="517" refreshError="1"/>
      <sheetData sheetId="518" refreshError="1"/>
      <sheetData sheetId="519" refreshError="1"/>
      <sheetData sheetId="520" refreshError="1"/>
      <sheetData sheetId="521" refreshError="1"/>
      <sheetData sheetId="522" refreshError="1"/>
      <sheetData sheetId="523" refreshError="1"/>
      <sheetData sheetId="524" refreshError="1"/>
      <sheetData sheetId="525" refreshError="1"/>
      <sheetData sheetId="526" refreshError="1"/>
      <sheetData sheetId="527" refreshError="1"/>
      <sheetData sheetId="528" refreshError="1"/>
      <sheetData sheetId="529" refreshError="1"/>
      <sheetData sheetId="530" refreshError="1"/>
      <sheetData sheetId="531" refreshError="1"/>
      <sheetData sheetId="532" refreshError="1"/>
      <sheetData sheetId="533" refreshError="1"/>
      <sheetData sheetId="534" refreshError="1"/>
      <sheetData sheetId="535" refreshError="1"/>
      <sheetData sheetId="536" refreshError="1"/>
      <sheetData sheetId="537" refreshError="1"/>
      <sheetData sheetId="538" refreshError="1"/>
      <sheetData sheetId="539" refreshError="1"/>
      <sheetData sheetId="540" refreshError="1"/>
      <sheetData sheetId="541" refreshError="1"/>
      <sheetData sheetId="542" refreshError="1"/>
      <sheetData sheetId="543" refreshError="1"/>
      <sheetData sheetId="544" refreshError="1"/>
      <sheetData sheetId="545" refreshError="1"/>
      <sheetData sheetId="546" refreshError="1"/>
      <sheetData sheetId="547" refreshError="1"/>
      <sheetData sheetId="548" refreshError="1"/>
      <sheetData sheetId="549" refreshError="1"/>
      <sheetData sheetId="550" refreshError="1"/>
      <sheetData sheetId="551" refreshError="1"/>
      <sheetData sheetId="552" refreshError="1"/>
      <sheetData sheetId="553" refreshError="1"/>
      <sheetData sheetId="554" refreshError="1"/>
      <sheetData sheetId="555" refreshError="1"/>
      <sheetData sheetId="556" refreshError="1"/>
      <sheetData sheetId="557" refreshError="1"/>
      <sheetData sheetId="558" refreshError="1"/>
      <sheetData sheetId="559" refreshError="1"/>
      <sheetData sheetId="560" refreshError="1"/>
      <sheetData sheetId="561" refreshError="1"/>
      <sheetData sheetId="562" refreshError="1"/>
      <sheetData sheetId="563" refreshError="1"/>
      <sheetData sheetId="564" refreshError="1"/>
      <sheetData sheetId="565" refreshError="1"/>
      <sheetData sheetId="566" refreshError="1"/>
      <sheetData sheetId="567" refreshError="1"/>
      <sheetData sheetId="568" refreshError="1"/>
      <sheetData sheetId="569" refreshError="1"/>
      <sheetData sheetId="570" refreshError="1"/>
      <sheetData sheetId="571" refreshError="1"/>
      <sheetData sheetId="572" refreshError="1"/>
      <sheetData sheetId="573" refreshError="1"/>
      <sheetData sheetId="574" refreshError="1"/>
      <sheetData sheetId="575" refreshError="1"/>
      <sheetData sheetId="576" refreshError="1"/>
      <sheetData sheetId="577" refreshError="1"/>
      <sheetData sheetId="578" refreshError="1"/>
      <sheetData sheetId="579" refreshError="1"/>
      <sheetData sheetId="580" refreshError="1"/>
      <sheetData sheetId="581" refreshError="1"/>
      <sheetData sheetId="582" refreshError="1"/>
      <sheetData sheetId="583" refreshError="1"/>
      <sheetData sheetId="584" refreshError="1"/>
      <sheetData sheetId="585" refreshError="1"/>
      <sheetData sheetId="586" refreshError="1"/>
      <sheetData sheetId="587" refreshError="1"/>
      <sheetData sheetId="588" refreshError="1"/>
      <sheetData sheetId="589" refreshError="1"/>
      <sheetData sheetId="590" refreshError="1"/>
      <sheetData sheetId="591" refreshError="1"/>
      <sheetData sheetId="592" refreshError="1"/>
      <sheetData sheetId="593" refreshError="1"/>
      <sheetData sheetId="594" refreshError="1"/>
    </sheetDataSet>
  </externalBook>
</externalLink>
</file>

<file path=xl/externalLinks/externalLink31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주식"/>
      <sheetName val="Sheet1 (2)"/>
      <sheetName val="삼성전기"/>
      <sheetName val="대부현황"/>
      <sheetName val="조선맥주"/>
      <sheetName val="한솔전자"/>
      <sheetName val="군자산업"/>
      <sheetName val="두산음료"/>
      <sheetName val="아남산업"/>
      <sheetName val="유공"/>
      <sheetName val="두산상사"/>
      <sheetName val="대호"/>
      <sheetName val="Sheet3"/>
      <sheetName val="사용내역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  <sheetName val="노임이"/>
      <sheetName val="#REF"/>
      <sheetName val="1-1"/>
      <sheetName val="01"/>
      <sheetName val="양식summary"/>
      <sheetName val="98주식"/>
      <sheetName val="원가계산서"/>
      <sheetName val="일위대가"/>
      <sheetName val="대비"/>
      <sheetName val="집계표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32.xml><?xml version="1.0" encoding="utf-8"?>
<externalLink xmlns="http://schemas.openxmlformats.org/spreadsheetml/2006/main">
  <externalBook xmlns:r="http://schemas.openxmlformats.org/officeDocument/2006/relationships" r:id="rId1">
    <sheetNames>
      <sheetName val="견적서표지"/>
      <sheetName val="가로내역서-정우"/>
      <sheetName val="수 량 산 출 서"/>
      <sheetName val="장비집계"/>
      <sheetName val="입출재고현황 (2)"/>
      <sheetName val="갑지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33.xml><?xml version="1.0" encoding="utf-8"?>
<externalLink xmlns="http://schemas.openxmlformats.org/spreadsheetml/2006/main">
  <externalBook xmlns:r="http://schemas.openxmlformats.org/officeDocument/2006/relationships" r:id="rId1">
    <sheetNames>
      <sheetName val="J100"/>
      <sheetName val="SG"/>
      <sheetName val="2000년1차"/>
      <sheetName val="원가계산서(남측)"/>
      <sheetName val="입출재고현황 (2)"/>
      <sheetName val="입찰안"/>
      <sheetName val="Cost bd-&quot;A&quot;"/>
      <sheetName val="D0026B3"/>
      <sheetName val="BN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4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雨棚"/>
      <sheetName val="G.1R-Shou COP Gf"/>
      <sheetName val="材料"/>
      <sheetName val="3"/>
      <sheetName val="8"/>
      <sheetName val="금액내역서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35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钢结构"/>
      <sheetName val="建筑汇总表"/>
      <sheetName val="地花 天花"/>
      <sheetName val="外墙块料"/>
      <sheetName val="外墙装饰工程量"/>
      <sheetName val="内、外墙挂网"/>
      <sheetName val="内墙抹灰、油漆、面砖"/>
      <sheetName val="内墙面"/>
      <sheetName val=" 柱"/>
      <sheetName val="屋面防水和卫生间防水"/>
      <sheetName val="卫生间"/>
      <sheetName val="天棚、楼地面（初）"/>
      <sheetName val="柱面砖"/>
      <sheetName val="楼梯栏杆及底座抛光砖"/>
      <sheetName val="楼梯栏杆及底座及花岗石"/>
      <sheetName val="钢结构计算表"/>
      <sheetName val="其他工程"/>
      <sheetName val="其它"/>
      <sheetName val="栏杆"/>
      <sheetName val="门槛"/>
      <sheetName val="门窗面积计量"/>
      <sheetName val="女儿墙"/>
      <sheetName val="楼梯抛光砖侧面"/>
      <sheetName val="夹层楼地面"/>
      <sheetName val="设备用房间ICI及踢脚线"/>
      <sheetName val="办公室ICI及踢脚线"/>
      <sheetName val="卫生间150X300瓷砖"/>
      <sheetName val="楼梯间天棚乳胶漆"/>
      <sheetName val="20宽填胶缝与25宽不锈钢装饰线"/>
      <sheetName val="门厅墙身."/>
      <sheetName val="换11台阶"/>
      <sheetName val="排水沟"/>
      <sheetName val="花岗石地面"/>
      <sheetName val="增加窗部份."/>
      <sheetName val="门窗."/>
      <sheetName val="5+7"/>
      <sheetName val="桩"/>
      <sheetName val="14+14.1柱"/>
      <sheetName val="15梁砼"/>
      <sheetName val="16+18"/>
      <sheetName val="7+17小型构件"/>
      <sheetName val="建筑零星 (2)"/>
      <sheetName val="19"/>
      <sheetName val="场地平整"/>
      <sheetName val="土方工程"/>
      <sheetName val="回填石粉"/>
      <sheetName val="内外墙挂网"/>
      <sheetName val="梁墙挂网"/>
      <sheetName val="屋面防水"/>
      <sheetName val="乳胶漆"/>
      <sheetName val="卫生间墙身-首层门厅墙身"/>
      <sheetName val="不锈钢栏杆"/>
      <sheetName val="卫生间地面-墙身-走道阳台防水-卫生间陶粒砼."/>
      <sheetName val="卫生间隔断-大理石洗手台-玻璃镜-蹲位. (2)"/>
      <sheetName val="卫生间隔断-大理石洗手台-玻璃镜-蹲位."/>
      <sheetName val="抛光砖(600×600)."/>
      <sheetName val="预埋件."/>
      <sheetName val="楼梯面层抛光砖(600×600)."/>
      <sheetName val="雨棚"/>
      <sheetName val="建筑面积"/>
      <sheetName val="封面2"/>
      <sheetName val="清单"/>
      <sheetName val="结构工程量总表"/>
      <sheetName val="平整场地、三七灰土"/>
      <sheetName val="挖土方及回填土"/>
      <sheetName val="垫层"/>
      <sheetName val="基础"/>
      <sheetName val="地下室挡土墙、底板"/>
      <sheetName val="柱"/>
      <sheetName val="梁"/>
      <sheetName val="板"/>
      <sheetName val="砼楼梯"/>
      <sheetName val="砼构件"/>
      <sheetName val="预制构件"/>
      <sheetName val="坡道散水"/>
      <sheetName val="钢网铺设"/>
      <sheetName val="砖基础"/>
      <sheetName val="零星砌体"/>
      <sheetName val="复核灰砂砖"/>
      <sheetName val="复核空心砖"/>
      <sheetName val="防水、泡沫板"/>
      <sheetName val="预埋铁件、植筋"/>
      <sheetName val="#REF"/>
      <sheetName val="工程量"/>
      <sheetName val="Sheet1"/>
      <sheetName val="变量单"/>
      <sheetName val="XLR_NoRangeSheet"/>
      <sheetName val="材料"/>
      <sheetName val="场ര혁_x005f_x000C_"/>
      <sheetName val=""/>
      <sheetName val="报价总表"/>
      <sheetName val="中大+广外汇总3.3"/>
      <sheetName val="动物实验中心3.1"/>
      <sheetName val="南实验楼"/>
      <sheetName val="生命科学大楼"/>
      <sheetName val="行政会议中心"/>
      <sheetName val="微纳尺度实验大楼"/>
      <sheetName val="南学院楼 "/>
      <sheetName val="公厕等其它工程"/>
      <sheetName val="公寓6-A（J-18A）"/>
      <sheetName val="公寓6-B（J-18B"/>
      <sheetName val="公寓1-4栋（J-28"/>
      <sheetName val="公寓5栋（J-29）"/>
      <sheetName val="公寓6栋（J-30）"/>
      <sheetName val="公寓7栋（J-31）"/>
      <sheetName val="公寓8栋（J-32）"/>
      <sheetName val="公寓9栋（J-33）"/>
      <sheetName val="公寓10栋（J-34）"/>
      <sheetName val="垃圾收集站等其它工程"/>
      <sheetName val="广外地下停车场"/>
      <sheetName val="广外游泳池"/>
      <sheetName val="广外门楼"/>
      <sheetName val="广外其它工程"/>
      <sheetName val="工程量清单报价汇总表"/>
      <sheetName val="标段综合合价部分3.5"/>
      <sheetName val="机电标段汇总表3.4"/>
      <sheetName val="机电广外地下停车场表三.2"/>
      <sheetName val="机电研究生公寓J30栋表三.2"/>
      <sheetName val="机电微纳尺度材料国家实验大楼表三.2"/>
      <sheetName val="机电中大生活区其它项目表三.2"/>
      <sheetName val="机电广外游泳池及附属用房表三.2"/>
      <sheetName val="机电广外其他项目表三.2"/>
      <sheetName val="机电中大教学区其它项目表三.2"/>
      <sheetName val="机电广外校门表三.2"/>
      <sheetName val="机电本科生公寓J18B栋表三.2"/>
      <sheetName val="机电研究生公寓J28栋表三.2"/>
      <sheetName val="机电研究生公寓J31栋表三.2"/>
      <sheetName val="机电生命科学实验楼表三.2"/>
      <sheetName val="机电动物实验中心表三.2"/>
      <sheetName val="机电本科生公寓J18A栋表三.2"/>
      <sheetName val="机电研究生公寓J33栋表三.2"/>
      <sheetName val="机电研究生公寓J34栋表三.2"/>
      <sheetName val="机电研究生公寓J32栋表三.2"/>
      <sheetName val="机电研究生公寓J29栋表三.2"/>
      <sheetName val="机电南实验楼表三.2"/>
      <sheetName val="机电南学院楼二期表三.2"/>
      <sheetName val="机电行政会议中心表3.2"/>
      <sheetName val="总包服务管理协调配合费4"/>
      <sheetName val="工程预留金5"/>
      <sheetName val="中山+广外主材表6.1"/>
      <sheetName val="甲招乙供材料表6.2"/>
      <sheetName val="机电暂定材料价表6.3"/>
      <sheetName val="机电主材换算表7.1"/>
      <sheetName val="机电安装费换算表7.2"/>
      <sheetName val="综合单价分析表8.1"/>
      <sheetName val="综合合价分析表8.2"/>
      <sheetName val="机电单价分析表1"/>
      <sheetName val="机电表2"/>
      <sheetName val="机电表3"/>
      <sheetName val="机电4"/>
      <sheetName val="机电5"/>
      <sheetName val="机电表6"/>
      <sheetName val="机电表7"/>
      <sheetName val="机电表8"/>
      <sheetName val="机电表9"/>
      <sheetName val="机电表10"/>
      <sheetName val="机电表11"/>
      <sheetName val="机电甲供设备材料表"/>
      <sheetName val="机电设备材料选用表"/>
      <sheetName val="21"/>
      <sheetName val="场ര혁_x005f_x005f_x005f_x000c_"/>
      <sheetName val="墙面工程"/>
      <sheetName val="石材购买量统计"/>
      <sheetName val="买卖项目工程量清单"/>
      <sheetName val="场ര혁_x000c_"/>
      <sheetName val="汇总表"/>
      <sheetName val="5期B栋会所装饰精装修"/>
      <sheetName val="型材线密度表"/>
      <sheetName val="施工参考单价报价表"/>
      <sheetName val="其它工作项目报价清单"/>
      <sheetName val="甲指乙供材料报价表"/>
      <sheetName val="单位库"/>
      <sheetName val="场ര혁_x005f_x005f_x005f_x005f_x005f_x005f_x005f_x000c_"/>
      <sheetName val="土建工程综合单价表"/>
      <sheetName val="土建工程综合单价组价明细表"/>
      <sheetName val="场ര혁_x005f_x005f_x005f_x005f_x005f_x005f_x005f_x005f_x00"/>
      <sheetName val="承台(砖模) "/>
      <sheetName val="设置"/>
      <sheetName val="单价分析过程"/>
      <sheetName val="主要材料价格表 (2)"/>
      <sheetName val="改加胶玻璃、室外栏杆"/>
      <sheetName val="TOSHIBA-Structure"/>
      <sheetName val="Rate"/>
      <sheetName val="Hoja1"/>
      <sheetName val="做法表"/>
      <sheetName val="3"/>
      <sheetName val="8"/>
      <sheetName val="2"/>
      <sheetName val="5"/>
      <sheetName val="6"/>
      <sheetName val="面积合计（藏）"/>
      <sheetName val="7"/>
      <sheetName val="4"/>
      <sheetName val="投标材料清单 "/>
      <sheetName val="1"/>
      <sheetName val="slipsumpR"/>
      <sheetName val="General"/>
      <sheetName val="含量"/>
      <sheetName val="Main"/>
      <sheetName val="计算式"/>
      <sheetName val="计算式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</sheetDataSet>
  </externalBook>
</externalLink>
</file>

<file path=xl/externalLinks/externalLink36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成本汇总"/>
      <sheetName val="R2报价"/>
      <sheetName val="含量"/>
      <sheetName val="明细表"/>
      <sheetName val="汇总表"/>
      <sheetName val="单价分析表"/>
      <sheetName val="成本明细"/>
      <sheetName val="材料价格表"/>
      <sheetName val="询价单"/>
      <sheetName val="#REF!"/>
      <sheetName val="Fly Sheets"/>
      <sheetName val="工程量计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37.xml><?xml version="1.0" encoding="utf-8"?>
<externalLink xmlns="http://schemas.openxmlformats.org/spreadsheetml/2006/main">
  <externalBook xmlns:r="http://schemas.openxmlformats.org/officeDocument/2006/relationships" r:id="rId1">
    <sheetNames>
      <sheetName val="貨品科目"/>
      <sheetName val="萬輝"/>
      <sheetName val="板和"/>
      <sheetName val="東林"/>
      <sheetName val="富鴻"/>
      <sheetName val="長誠"/>
      <sheetName val="長誠 (2)"/>
      <sheetName val="友邦"/>
      <sheetName val="立興"/>
      <sheetName val="捷達時"/>
      <sheetName val="昌記"/>
      <sheetName val="現代"/>
      <sheetName val="恆業"/>
      <sheetName val="恆彩輝"/>
      <sheetName val="拓普"/>
      <sheetName val="恆昌"/>
      <sheetName val="鑫盛"/>
      <sheetName val="興發"/>
      <sheetName val="漢高"/>
      <sheetName val="杜邦"/>
      <sheetName val="寶旺"/>
      <sheetName val="華豐"/>
      <sheetName val="葉永聯"/>
      <sheetName val="資料庫"/>
      <sheetName val="一発シート"/>
      <sheetName val="21"/>
      <sheetName val="工程量"/>
      <sheetName val="일위대가"/>
      <sheetName val="#REF!"/>
      <sheetName val="W-현원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38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经营予、决算封皮"/>
      <sheetName val="目录"/>
      <sheetName val="21"/>
      <sheetName val="工程量"/>
      <sheetName val="改加胶玻璃、室外栏杆"/>
      <sheetName val="第一部分定价"/>
      <sheetName val="核算项目余额表"/>
      <sheetName val="单价表"/>
      <sheetName val="材料单价表"/>
      <sheetName val="8"/>
      <sheetName val="A"/>
      <sheetName val="信宜"/>
      <sheetName val="3"/>
      <sheetName val="일위대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39.xml><?xml version="1.0" encoding="utf-8"?>
<externalLink xmlns="http://schemas.openxmlformats.org/spreadsheetml/2006/main">
  <externalBook xmlns:r="http://schemas.openxmlformats.org/officeDocument/2006/relationships" r:id="rId1">
    <sheetNames>
      <sheetName val="Bldg"/>
      <sheetName val="NKL qty sort master"/>
      <sheetName val="NKL qty sort1"/>
      <sheetName val="NKL vs PMI qty sort"/>
      <sheetName val="단중표"/>
      <sheetName val="입찰안"/>
      <sheetName val="EXRATE"/>
      <sheetName val="#REF!"/>
      <sheetName val="工程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4.xml><?xml version="1.0" encoding="utf-8"?>
<externalLink xmlns="http://schemas.openxmlformats.org/spreadsheetml/2006/main">
  <externalBook xmlns:r="http://schemas.openxmlformats.org/officeDocument/2006/relationships" r:id="rId1">
    <sheetNames>
      <sheetName val="견적"/>
      <sheetName val="대비"/>
      <sheetName val="SG"/>
      <sheetName val="Macro1"/>
      <sheetName val="부대tu"/>
      <sheetName val="총괄-1"/>
      <sheetName val="연결임시"/>
      <sheetName val="#REF"/>
      <sheetName val="3.공통공사대비"/>
      <sheetName val="JUCKEYK"/>
      <sheetName val="예가표"/>
      <sheetName val="일위대가"/>
      <sheetName val="현장경비"/>
      <sheetName val="노임"/>
      <sheetName val="시가지우회도로공내역서"/>
      <sheetName val="내역서"/>
      <sheetName val="동대구1공구견적"/>
      <sheetName val="콘크리트재료집계표 (2)"/>
      <sheetName val="2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40.xml><?xml version="1.0" encoding="utf-8"?>
<externalLink xmlns="http://schemas.openxmlformats.org/spreadsheetml/2006/main">
  <externalBook xmlns:r="http://schemas.openxmlformats.org/officeDocument/2006/relationships" r:id="rId1">
    <sheetNames>
      <sheetName val="Financ. Overview"/>
      <sheetName val="Toolbox"/>
      <sheetName val="Open"/>
      <sheetName val="#REF!"/>
      <sheetName val="合项含量"/>
      <sheetName val="材料单价表"/>
      <sheetName val="材料价格表(立面）"/>
      <sheetName val="21"/>
      <sheetName val="第一部分定价"/>
      <sheetName val="eqpmad2"/>
      <sheetName val="工程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41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气动开窗器数量"/>
      <sheetName val="Financ. Overview"/>
      <sheetName val="Toolbox"/>
      <sheetName val="1"/>
      <sheetName val="3"/>
      <sheetName val="8"/>
      <sheetName val="eqpmad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42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金之谷幕墙工程（甲） (2)"/>
      <sheetName val="单价表"/>
      <sheetName val="材料"/>
      <sheetName val="주식"/>
      <sheetName val="Sheet1 (2)"/>
      <sheetName val="3"/>
      <sheetName val="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43.xml><?xml version="1.0" encoding="utf-8"?>
<externalLink xmlns="http://schemas.openxmlformats.org/spreadsheetml/2006/main">
  <externalBook xmlns:r="http://schemas.openxmlformats.org/officeDocument/2006/relationships" r:id="rId1">
    <sheetNames>
      <sheetName val="철근(생초-총괄)"/>
      <sheetName val="철근(생초-산청)"/>
      <sheetName val="철근(생초-수동)"/>
      <sheetName val="철근(고읍-총괄)"/>
      <sheetName val="철근(고읍-산청)"/>
      <sheetName val="철근(고읍-수동)"/>
      <sheetName val="철근(본통-총괄)"/>
      <sheetName val="철근(본통-산청)"/>
      <sheetName val="철근(본통-수동)"/>
      <sheetName val="입찰"/>
      <sheetName val="현경"/>
      <sheetName val="간선계산"/>
      <sheetName val="차액보증"/>
      <sheetName val="Bldg"/>
      <sheetName val="#REF!"/>
      <sheetName val="갑지"/>
      <sheetName val="주식"/>
      <sheetName val="Sheet1 (2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44.xml><?xml version="1.0" encoding="utf-8"?>
<externalLink xmlns="http://schemas.openxmlformats.org/spreadsheetml/2006/main">
  <externalBook xmlns:r="http://schemas.openxmlformats.org/officeDocument/2006/relationships" r:id="rId1">
    <sheetNames>
      <sheetName val="cover"/>
      <sheetName val="封面"/>
      <sheetName val="目录"/>
      <sheetName val="协议书"/>
      <sheetName val="附件一"/>
      <sheetName val="간선계산"/>
      <sheetName val="工程量"/>
      <sheetName val="#REF!"/>
      <sheetName val="입출재고현황 (2)"/>
      <sheetName val="갑지"/>
      <sheetName val="材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45.xml><?xml version="1.0" encoding="utf-8"?>
<externalLink xmlns="http://schemas.openxmlformats.org/spreadsheetml/2006/main">
  <externalBook xmlns:r="http://schemas.openxmlformats.org/officeDocument/2006/relationships" r:id="rId1">
    <sheetNames>
      <sheetName val="主材价格"/>
      <sheetName val="Sheet1"/>
      <sheetName val="暂列单价"/>
      <sheetName val="S1…S10汇总"/>
      <sheetName val="S135汇总"/>
      <sheetName val="S135地弹门"/>
      <sheetName val="S135石材鉓面门"/>
      <sheetName val="S135百叶地弹门"/>
      <sheetName val="S135铝百叶窗"/>
      <sheetName val="S135A型窗1"/>
      <sheetName val="S135A型窗2"/>
      <sheetName val="S135A型窗3"/>
      <sheetName val="S135B型窗"/>
      <sheetName val="S135C型窗"/>
      <sheetName val="S135天窗"/>
      <sheetName val="S135明框幕墙"/>
      <sheetName val="S135幕墙窗"/>
      <sheetName val="S135明框镜面幕墙"/>
      <sheetName val="S135广告幕墙"/>
      <sheetName val="S135金色不锈钢平面板"/>
      <sheetName val="S135金色不锈钢凹凸板"/>
      <sheetName val="S135铸铁屏风"/>
      <sheetName val="S135组合石材幕墙"/>
      <sheetName val="S135玻璃栏杆"/>
      <sheetName val="S135不锈钢栏板"/>
      <sheetName val="S135铝板吊顶"/>
      <sheetName val="S135层间封修"/>
      <sheetName val="S246汇总"/>
      <sheetName val="S246平开门"/>
      <sheetName val="S246平开消火门"/>
      <sheetName val="S246百叶窗"/>
      <sheetName val="S246明框幕墙"/>
      <sheetName val="S246明框防火幕墙"/>
      <sheetName val="S246不锈钢金属网"/>
      <sheetName val="S246GRC板"/>
      <sheetName val="S246灯箱"/>
      <sheetName val="S246集装箱正左右立面"/>
      <sheetName val="S246集装箱顶棚"/>
      <sheetName val="S246集装地面"/>
      <sheetName val="S246不锈钢棒"/>
      <sheetName val="S246不锈钢棒之龙骨"/>
      <sheetName val="S246上人网架"/>
      <sheetName val="S246玻璃栏板"/>
      <sheetName val="S246不锈钢网栏板"/>
      <sheetName val="S246不锈钢网吊顶"/>
      <sheetName val="S246层间封修"/>
      <sheetName val="S07汇总"/>
      <sheetName val="S7无框地弹门"/>
      <sheetName val="S7铝合金隔热平开门"/>
      <sheetName val="S7橱窗"/>
      <sheetName val="S7钢铝复合明框幕墙"/>
      <sheetName val="S7肋点式幕墙"/>
      <sheetName val="S7铝单板幕墙"/>
      <sheetName val="S7阳光板幕墙"/>
      <sheetName val="S7水泥板幕墙"/>
      <sheetName val="S7玻璃栏杆"/>
      <sheetName val="S7玻璃钢百叶"/>
      <sheetName val="S7玻璃钢楼梯"/>
      <sheetName val="S7玻璃钢屋面"/>
      <sheetName val="S7膜材幕墙"/>
      <sheetName val="S7天沟"/>
      <sheetName val="S7铝板檐口"/>
      <sheetName val="S7层间封修"/>
      <sheetName val="S8910汇总"/>
      <sheetName val="S8910地弹门1"/>
      <sheetName val="S8910地弹门2"/>
      <sheetName val="S8910铝百叶"/>
      <sheetName val="S8910隐幕1"/>
      <sheetName val="S8910隐幕2"/>
      <sheetName val="S8910隐幕3"/>
      <sheetName val="S8910亚克力幕墙"/>
      <sheetName val="S8910铝单板幕墙"/>
      <sheetName val="S8910玻璃栏杆之玻璃"/>
      <sheetName val="S8910玻璃栏杆之铝板"/>
      <sheetName val="S8910玻璃栏板"/>
      <sheetName val="S8910铝单板吊顶"/>
      <sheetName val="S8910层间封修"/>
      <sheetName val="钢结构汇总"/>
      <sheetName val="gjgftpt"/>
      <sheetName val="gjgpt"/>
      <sheetName val="#REF!"/>
      <sheetName val="材料"/>
      <sheetName val="8"/>
      <sheetName val="SG"/>
      <sheetName val="입출재고현황 (2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</sheetDataSet>
  </externalBook>
</externalLink>
</file>

<file path=xl/externalLinks/externalLink46.xml><?xml version="1.0" encoding="utf-8"?>
<externalLink xmlns="http://schemas.openxmlformats.org/spreadsheetml/2006/main">
  <externalBook xmlns:r="http://schemas.openxmlformats.org/officeDocument/2006/relationships" r:id="rId1">
    <sheetNames>
      <sheetName val="主材价格"/>
      <sheetName val="Sheet1"/>
      <sheetName val="总汇总"/>
      <sheetName val="汇总"/>
      <sheetName val="隐框弧形玻幕"/>
      <sheetName val="隐框平板玻幕"/>
      <sheetName val="铝塑板幕墙"/>
      <sheetName val="屋顶挑檐钢结构包铝塑板"/>
      <sheetName val="屋面倒锥钢网架包铝板"/>
      <sheetName val="铝塑板雨棚"/>
      <sheetName val="阳光板雨棚"/>
      <sheetName val="隔热推拉窗"/>
      <sheetName val="双玻平开门"/>
      <sheetName val="单玻铝条平开门"/>
      <sheetName val="穿孔铝板平开窗"/>
      <sheetName val="铝塑板固定窗"/>
      <sheetName val="#REF!"/>
      <sheetName val="合格证 (2)"/>
      <sheetName val="材料"/>
      <sheetName val="S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7.xml><?xml version="1.0" encoding="utf-8"?>
<externalLink xmlns="http://schemas.openxmlformats.org/spreadsheetml/2006/main">
  <externalBook xmlns:r="http://schemas.openxmlformats.org/officeDocument/2006/relationships" r:id="rId1">
    <sheetNames>
      <sheetName val="内围地梁钢筋说明"/>
      <sheetName val="原表模"/>
      <sheetName val="内基梁J~R"/>
      <sheetName val="钢筋模1.1"/>
      <sheetName val="内基梁A~J"/>
      <sheetName val="主材价格"/>
      <sheetName val="#REF!"/>
      <sheetName val="雨棚"/>
      <sheetName val="材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48.xml><?xml version="1.0" encoding="utf-8"?>
<externalLink xmlns="http://schemas.openxmlformats.org/spreadsheetml/2006/main">
  <externalBook xmlns:r="http://schemas.openxmlformats.org/officeDocument/2006/relationships" r:id="rId1">
    <sheetNames>
      <sheetName val="广电外墙"/>
      <sheetName val="广电屋面(预算)"/>
      <sheetName val="外墙门窗"/>
      <sheetName val="广电外墙 (预算)"/>
      <sheetName val="外墙门窗（预算）"/>
      <sheetName val="内围地梁钢筋说明"/>
      <sheetName val="主材价格"/>
      <sheetName val="#REF!"/>
      <sheetName val="입찰안"/>
      <sheetName val="summary"/>
      <sheetName val="雨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49.xml><?xml version="1.0" encoding="utf-8"?>
<externalLink xmlns="http://schemas.openxmlformats.org/spreadsheetml/2006/main">
  <externalBook xmlns:r="http://schemas.openxmlformats.org/officeDocument/2006/relationships" r:id="rId1">
    <sheetNames>
      <sheetName val="半架空层"/>
      <sheetName val="一层平面"/>
      <sheetName val="二层平面 "/>
      <sheetName val="三层平面"/>
      <sheetName val="8.700"/>
      <sheetName val="顶棚"/>
      <sheetName val="汇总"/>
      <sheetName val="summary"/>
      <sheetName val="Sheet1 (2)"/>
      <sheetName val="삼성전기"/>
      <sheetName val="주식"/>
      <sheetName val="3"/>
      <sheetName val="8"/>
      <sheetName val="#REF!"/>
      <sheetName val="입찰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5.xml><?xml version="1.0" encoding="utf-8"?>
<externalLink xmlns="http://schemas.openxmlformats.org/spreadsheetml/2006/main">
  <externalBook xmlns:r="http://schemas.openxmlformats.org/officeDocument/2006/relationships" r:id="rId1">
    <sheetNames>
      <sheetName val="FUEL FILLER"/>
      <sheetName val="BND"/>
      <sheetName val="#REF!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50.xml><?xml version="1.0" encoding="utf-8"?>
<externalLink xmlns="http://schemas.openxmlformats.org/spreadsheetml/2006/main">
  <externalBook xmlns:r="http://schemas.openxmlformats.org/officeDocument/2006/relationships" r:id="rId1">
    <sheetNames>
      <sheetName val="汇总"/>
      <sheetName val="-10.35底板"/>
      <sheetName val="-5.85人防底板"/>
      <sheetName val="#REF!"/>
      <sheetName val="단중표"/>
      <sheetName val="材料"/>
      <sheetName val="summary"/>
      <sheetName val="EXR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51.xml><?xml version="1.0" encoding="utf-8"?>
<externalLink xmlns="http://schemas.openxmlformats.org/spreadsheetml/2006/main">
  <externalBook xmlns:r="http://schemas.openxmlformats.org/officeDocument/2006/relationships" r:id="rId1">
    <sheetNames>
      <sheetName val="主材价格"/>
      <sheetName val="N2汇总"/>
      <sheetName val="N2bxgm"/>
      <sheetName val="N2byc"/>
      <sheetName val="N2swldb"/>
      <sheetName val="N2ltlc"/>
      <sheetName val="N2mq"/>
      <sheetName val="N2sxfc"/>
      <sheetName val="N2dxgg"/>
      <sheetName val="N2ccmq"/>
      <sheetName val="N2ldbmq"/>
      <sheetName val="N2snldb"/>
      <sheetName val="N2wdldb"/>
      <sheetName val="N2bxgb"/>
      <sheetName val="N2bxgtg"/>
      <sheetName val="N2sy"/>
      <sheetName val="N2blz"/>
      <sheetName val="N3汇总"/>
      <sheetName val="N3bxgm"/>
      <sheetName val="N3bxgpm"/>
      <sheetName val="N3bxggd"/>
      <sheetName val="N3bxgmswj"/>
      <sheetName val="N3Tmq1"/>
      <sheetName val="N3Tmq3"/>
      <sheetName val="N3Tmq2"/>
      <sheetName val="N3sxfc"/>
      <sheetName val="N3cgd"/>
      <sheetName val="N3mq2"/>
      <sheetName val="N3mq"/>
      <sheetName val="N3mq3"/>
      <sheetName val="N3ldbmq"/>
      <sheetName val="N3ldbmq4MM"/>
      <sheetName val="N3ldbsc"/>
      <sheetName val="N3lfx"/>
      <sheetName val="N3mgsh"/>
      <sheetName val="N3mgsh2"/>
      <sheetName val="N3bxgtg"/>
      <sheetName val="N3yp"/>
      <sheetName val="N3dd"/>
      <sheetName val="N3lhjgs"/>
      <sheetName val="N3fs"/>
      <sheetName val="N3bb"/>
      <sheetName val="N4汇总"/>
      <sheetName val="N4bxgm1"/>
      <sheetName val="N4bxgm"/>
      <sheetName val="N4byc"/>
      <sheetName val="N4bxgdc"/>
      <sheetName val="N4boxcc"/>
      <sheetName val="N4bxgw"/>
      <sheetName val="N4boxldb"/>
      <sheetName val="N4boxbxgb"/>
      <sheetName val="N4bxgw2"/>
      <sheetName val="N4BOXbxgfhb"/>
      <sheetName val="N4bxgtj"/>
      <sheetName val="N4bxgzsm"/>
      <sheetName val="N4hntgb"/>
      <sheetName val="N4fs"/>
      <sheetName val="N4ggs"/>
      <sheetName val="N4boxsnbxg"/>
      <sheetName val="N4ldbdd"/>
      <sheetName val="N4LED"/>
      <sheetName val="N4lby"/>
      <sheetName val="钢结构汇总"/>
      <sheetName val="gjgftpt"/>
      <sheetName val="gjgpt"/>
      <sheetName val="#REF!"/>
      <sheetName val="变量单"/>
      <sheetName val="LB"/>
      <sheetName val="貨品科目"/>
      <sheetName val="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</sheetDataSet>
  </externalBook>
</externalLink>
</file>

<file path=xl/externalLinks/externalLink52.xml><?xml version="1.0" encoding="utf-8"?>
<externalLink xmlns="http://schemas.openxmlformats.org/spreadsheetml/2006/main">
  <externalBook xmlns:r="http://schemas.openxmlformats.org/officeDocument/2006/relationships" r:id="rId1">
    <sheetNames>
      <sheetName val="資料庫"/>
      <sheetName val="地址"/>
      <sheetName val="CS036"/>
      <sheetName val="CS036 (1)"/>
      <sheetName val="迅富"/>
      <sheetName val="迅富 (2)"/>
      <sheetName val="南雄 "/>
      <sheetName val="上海华加日"/>
      <sheetName val="東方"/>
      <sheetName val="固若"/>
      <sheetName val="董生"/>
      <sheetName val="富达"/>
      <sheetName val="天地"/>
      <sheetName val="梁允党"/>
      <sheetName val="张志岭"/>
      <sheetName val="青岛"/>
      <sheetName val="普陀兴发"/>
      <sheetName val="陈会祥"/>
      <sheetName val="兴发"/>
      <sheetName val="番禺兴发"/>
      <sheetName val="陈伟权"/>
      <sheetName val="欧文"/>
      <sheetName val="青联"/>
      <sheetName val="南海二建"/>
      <sheetName val="金圣"/>
      <sheetName val="绿城"/>
      <sheetName val="金圈"/>
      <sheetName val="吉田"/>
      <sheetName val="三元德隆"/>
      <sheetName val="长空"/>
      <sheetName val="王锁生"/>
      <sheetName val="华加日"/>
      <sheetName val="华加日展销部"/>
      <sheetName val="广州装饰"/>
      <sheetName val="懿麟"/>
      <sheetName val="佳明"/>
      <sheetName val="束嘉"/>
      <sheetName val="杨尚威"/>
      <sheetName val="俊强"/>
      <sheetName val="中建三局"/>
      <sheetName val="亚洲"/>
      <sheetName val="顺天通"/>
      <sheetName val="东亚"/>
      <sheetName val="华美"/>
      <sheetName val="刘忠"/>
      <sheetName val="金盛"/>
      <sheetName val="粤骏"/>
      <sheetName val="悦茂"/>
      <sheetName val="威卢克斯"/>
      <sheetName val="力基"/>
      <sheetName val="其昌"/>
      <sheetName val="艺宝"/>
      <sheetName val="凤铝"/>
      <sheetName val="瑞那斯"/>
      <sheetName val="普立"/>
      <sheetName val="广亚"/>
      <sheetName val="烟台"/>
      <sheetName val="中惠"/>
      <sheetName val="哈萨克斯"/>
      <sheetName val="忠旺"/>
      <sheetName val="孙永平"/>
      <sheetName val="恒隆"/>
      <sheetName val="南华"/>
      <sheetName val="南南"/>
      <sheetName val="兴业"/>
      <sheetName val="盛兴"/>
      <sheetName val="德玛"/>
      <sheetName val="雅维斯"/>
      <sheetName val="源泰"/>
      <sheetName val="興發 (2)"/>
      <sheetName val="煙台盟昌"/>
      <sheetName val="廣州鋁質"/>
      <sheetName val="興安"/>
      <sheetName val="潤恆"/>
      <sheetName val="时代 (2)"/>
      <sheetName val="审查表"/>
      <sheetName val="审查表 (2)"/>
      <sheetName val="21"/>
      <sheetName val="明細表"/>
      <sheetName val="PUR资料库"/>
      <sheetName val="貨品科目"/>
      <sheetName val="갑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</sheetDataSet>
  </externalBook>
</externalLink>
</file>

<file path=xl/externalLinks/externalLink53.xml><?xml version="1.0" encoding="utf-8"?>
<externalLink xmlns="http://schemas.openxmlformats.org/spreadsheetml/2006/main">
  <externalBook xmlns:r="http://schemas.openxmlformats.org/officeDocument/2006/relationships" r:id="rId1">
    <sheetNames>
      <sheetName val="单价表"/>
      <sheetName val="工程量表"/>
      <sheetName val="汇总表"/>
      <sheetName val="玻璃"/>
      <sheetName val="石材"/>
      <sheetName val="弧形石材"/>
      <sheetName val="窗户"/>
      <sheetName val="百叶"/>
      <sheetName val="雨棚"/>
      <sheetName val="格栅"/>
      <sheetName val="铝板"/>
      <sheetName val="主材价格"/>
      <sheetName val="后勤综合楼报价表"/>
      <sheetName val="材料表"/>
      <sheetName val="#REF!"/>
      <sheetName val="2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4.xml><?xml version="1.0" encoding="utf-8"?>
<externalLink xmlns="http://schemas.openxmlformats.org/spreadsheetml/2006/main">
  <externalBook xmlns:r="http://schemas.openxmlformats.org/officeDocument/2006/relationships" r:id="rId1">
    <sheetNames>
      <sheetName val="PUR资料库"/>
      <sheetName val="出厂价"/>
      <sheetName val="出厂价 (2)"/>
      <sheetName val="Sheet1"/>
      <sheetName val="CQU"/>
      <sheetName val="报价"/>
      <sheetName val="门锁"/>
      <sheetName val="MPTT"/>
      <sheetName val="MIO"/>
      <sheetName val="多点锁"/>
      <sheetName val="1"/>
      <sheetName val="幕墙"/>
      <sheetName val="七字"/>
      <sheetName val="窗较"/>
      <sheetName val="销售"/>
      <sheetName val="MPTT (2)"/>
      <sheetName val="MIO (2)"/>
      <sheetName val="门锁 (2)"/>
      <sheetName val="幕墙 (2)"/>
      <sheetName val="幕墙(2)"/>
      <sheetName val="多点锁 (2)"/>
      <sheetName val="七字 (2)"/>
      <sheetName val="窗较 (2)"/>
      <sheetName val="3"/>
      <sheetName val="Sheet2"/>
      <sheetName val="Sheet3"/>
      <sheetName val="A-K"/>
      <sheetName val="資料庫"/>
      <sheetName val="地址"/>
      <sheetName val="ASO"/>
      <sheetName val="ASO(1)"/>
      <sheetName val="CS036"/>
      <sheetName val="CS036 (1)"/>
      <sheetName val="SO (2)"/>
      <sheetName val="SO"/>
      <sheetName val="迅富"/>
      <sheetName val="迅富 (2)"/>
      <sheetName val="南雄 "/>
      <sheetName val="東方"/>
      <sheetName val="固若"/>
      <sheetName val="富达"/>
      <sheetName val="杨尚威"/>
      <sheetName val="梁允党"/>
      <sheetName val="陈会祥"/>
      <sheetName val="ASO (2)"/>
      <sheetName val="陈伟权"/>
      <sheetName val="番禺兴发"/>
      <sheetName val="张志岭"/>
      <sheetName val="普陀兴发"/>
      <sheetName val="天地"/>
      <sheetName val="寄正"/>
      <sheetName val="青岛"/>
      <sheetName val="青联"/>
      <sheetName val="董生"/>
      <sheetName val="金圣"/>
      <sheetName val="三元德隆"/>
      <sheetName val="王锁生"/>
      <sheetName val="华加日"/>
      <sheetName val="华加日展销部"/>
      <sheetName val="上海华加日"/>
      <sheetName val="广州装饰"/>
      <sheetName val="佳明"/>
      <sheetName val="束嘉"/>
      <sheetName val="俊强"/>
      <sheetName val="中建三局"/>
      <sheetName val="亚洲"/>
      <sheetName val="华美"/>
      <sheetName val="金盛"/>
      <sheetName val="粤骏"/>
      <sheetName val="悦茂"/>
      <sheetName val="威卢克斯"/>
      <sheetName val="力基"/>
      <sheetName val="其昌"/>
      <sheetName val="艺宝"/>
      <sheetName val="凤铝"/>
      <sheetName val="瑞那斯"/>
      <sheetName val="广亚"/>
      <sheetName val="普立"/>
      <sheetName val="烟台"/>
      <sheetName val="中惠"/>
      <sheetName val="改加胶玻璃、室外栏杆"/>
      <sheetName val="EXRATE"/>
      <sheetName val="#REF!"/>
      <sheetName val="貨品科目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</sheetDataSet>
  </externalBook>
</externalLink>
</file>

<file path=xl/externalLinks/externalLink55.xml><?xml version="1.0" encoding="utf-8"?>
<externalLink xmlns="http://schemas.openxmlformats.org/spreadsheetml/2006/main">
  <externalBook xmlns:r="http://schemas.openxmlformats.org/officeDocument/2006/relationships" r:id="rId1">
    <sheetNames>
      <sheetName val="1#工程量"/>
      <sheetName val="1#门窗"/>
      <sheetName val="2#工程量"/>
      <sheetName val="2#楼门窗"/>
      <sheetName val="4#工程量"/>
      <sheetName val="4#楼门窗"/>
      <sheetName val="1#楼最终汇总"/>
      <sheetName val="2#楼最终汇总"/>
      <sheetName val="4#楼最终汇总"/>
      <sheetName val="工程量清单（1）"/>
      <sheetName val="단가"/>
      <sheetName val="雨棚"/>
      <sheetName val="#REF!"/>
      <sheetName val="EXR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56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工程量"/>
      <sheetName val="报价清单表 "/>
      <sheetName val="报价明细表"/>
      <sheetName val="分项含量  "/>
      <sheetName val="合项含量"/>
      <sheetName val="改加胶玻璃、室外栏杆"/>
      <sheetName val="单价表"/>
      <sheetName val="POWER ASSUMPTIONS"/>
      <sheetName val="資料庫"/>
      <sheetName val="Financ. Overview"/>
      <sheetName val="Toolbo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7.xml><?xml version="1.0" encoding="utf-8"?>
<externalLink xmlns="http://schemas.openxmlformats.org/spreadsheetml/2006/main">
  <externalBook xmlns:r="http://schemas.openxmlformats.org/officeDocument/2006/relationships" r:id="rId1">
    <sheetNames>
      <sheetName val="甲方6.8 (3)"/>
      <sheetName val="甲方6.8 (4)"/>
      <sheetName val="甲方6.8 (5)"/>
      <sheetName val="甲方6.8 (6)"/>
      <sheetName val="6.12"/>
      <sheetName val="5.28"/>
      <sheetName val="甲方6.8 (7)"/>
      <sheetName val="6.12 (天悦）"/>
      <sheetName val="方案一"/>
      <sheetName val="承诺函"/>
      <sheetName val="方案二"/>
      <sheetName val="方案二2.6 (3)"/>
      <sheetName val="封面1"/>
      <sheetName val="方案一1.20"/>
      <sheetName val="方案二1.20"/>
      <sheetName val="封面2"/>
      <sheetName val="长桥郡2.25"/>
      <sheetName val="方案一3.7"/>
      <sheetName val="方案二3.7"/>
      <sheetName val="长桥郡3.9"/>
      <sheetName val="#REF"/>
      <sheetName val="#REF!"/>
      <sheetName val="PUR资料库"/>
      <sheetName val="資料庫"/>
      <sheetName val="단중표"/>
      <sheetName val="Financ. Overview"/>
      <sheetName val="Toolbox"/>
      <sheetName val="EXR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58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材料"/>
      <sheetName val="Bldg"/>
      <sheetName val="단중표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59.xml><?xml version="1.0" encoding="utf-8"?>
<externalLink xmlns="http://schemas.openxmlformats.org/spreadsheetml/2006/main">
  <externalBook xmlns:r="http://schemas.openxmlformats.org/officeDocument/2006/relationships" r:id="rId1">
    <sheetNames>
      <sheetName val="报价明细表"/>
      <sheetName val="大面工程量汇总"/>
      <sheetName val="工程量大面"/>
      <sheetName val="工程量"/>
      <sheetName val="表—08焊接车间 分部分项工程量清单与计价表"/>
      <sheetName val="表—08公寓楼 分部分项工程量清单与计价表"/>
      <sheetName val="表—08设计楼 分部分项工程量清单与计价表"/>
      <sheetName val="表—08 实验楼分部分项工程量清单与计价表 "/>
      <sheetName val="表—08 食堂分部分项工程量清单与计价表"/>
      <sheetName val="表—08 研发楼分部分项工程量清单与计价表"/>
      <sheetName val="分部分项工程量清单"/>
      <sheetName val="主要材料明细表"/>
      <sheetName val="清单"/>
      <sheetName val="工程量汇总"/>
      <sheetName val="表—08 展厅分部分项工程量清单与计价表 (5)"/>
      <sheetName val="表—08 研发楼分部分项工程量清单与计价表 (5)"/>
      <sheetName val="表—08 食堂分部分项工程量清单与计价表 (5)"/>
      <sheetName val="表—08实验楼 分部分项工程量清单与计价表 (5)"/>
      <sheetName val="表—08设计楼 分部分项工程量清单与计价表 (5)"/>
      <sheetName val="表—08 分部分项工程量清单与计价表 (4)"/>
      <sheetName val="表—08 分部分项工程量清单与计价表 (3)"/>
      <sheetName val="表—08 分部分项工程量清单与计价表 (2)"/>
      <sheetName val="表—08 分部分项工程量清单与计价表"/>
      <sheetName val="成本组成"/>
      <sheetName val="成本"/>
      <sheetName val="含量"/>
      <sheetName val="#REF!"/>
      <sheetName val="간선계산"/>
      <sheetName val="Bld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6.xml><?xml version="1.0" encoding="utf-8"?>
<externalLink xmlns="http://schemas.openxmlformats.org/spreadsheetml/2006/main">
  <externalBook xmlns:r="http://schemas.openxmlformats.org/officeDocument/2006/relationships" r:id="rId1">
    <sheetNames>
      <sheetName val="결과조달"/>
      <sheetName val="laroux"/>
      <sheetName val="반포-봉암"/>
      <sheetName val="표지"/>
      <sheetName val="집계표"/>
      <sheetName val="변경예산안"/>
      <sheetName val="변경예산안 (2)"/>
      <sheetName val="資料庫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60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报价说明"/>
      <sheetName val="投标报价汇总表"/>
      <sheetName val="分部分项工程量清单计价表"/>
      <sheetName val="措施费清单"/>
      <sheetName val="分析表 "/>
      <sheetName val="主要材料"/>
      <sheetName val="疑问回复一"/>
      <sheetName val="成本组成"/>
      <sheetName val="材料调价表"/>
      <sheetName val="含量"/>
      <sheetName val="工程量"/>
      <sheetName val="#REF"/>
      <sheetName val="清单"/>
      <sheetName val="간선계산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61.xml><?xml version="1.0" encoding="utf-8"?>
<externalLink xmlns="http://schemas.openxmlformats.org/spreadsheetml/2006/main">
  <externalBook xmlns:r="http://schemas.openxmlformats.org/officeDocument/2006/relationships" r:id="rId1">
    <sheetNames>
      <sheetName val="含量"/>
      <sheetName val="单价报价明细表"/>
      <sheetName val="报价明细表"/>
      <sheetName val="貨品科目"/>
      <sheetName val="主材价格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62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投标总价"/>
      <sheetName val="具体分析"/>
      <sheetName val="清单汇总表26"/>
      <sheetName val="清单1地上结构26"/>
      <sheetName val="清单2地上建筑26"/>
      <sheetName val="清单3电气26"/>
      <sheetName val="清单4给水26"/>
      <sheetName val="清单5排水26"/>
      <sheetName val="清单6采暖26"/>
      <sheetName val="清单7通风26"/>
      <sheetName val="清单8措施费26"/>
      <sheetName val="清单汇总表车库"/>
      <sheetName val="车库清单ck"/>
      <sheetName val="清单2措施费ck"/>
      <sheetName val="±0.00以下"/>
      <sheetName val="fj1点工及综合费率"/>
      <sheetName val="fj3主要材料表"/>
      <sheetName val="f4发包人供应"/>
      <sheetName val="f5发包人限定"/>
      <sheetName val="改加胶玻璃、室外栏杆"/>
      <sheetName val="含量"/>
      <sheetName val="PUR资料库"/>
      <sheetName val="主材价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63.xml><?xml version="1.0" encoding="utf-8"?>
<externalLink xmlns="http://schemas.openxmlformats.org/spreadsheetml/2006/main">
  <externalBook xmlns:r="http://schemas.openxmlformats.org/officeDocument/2006/relationships" r:id="rId1">
    <sheetNames>
      <sheetName val="G2TempSheet"/>
      <sheetName val="Sheet1"/>
      <sheetName val="#REF!"/>
      <sheetName val="主材价格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64.xml><?xml version="1.0" encoding="utf-8"?>
<externalLink xmlns="http://schemas.openxmlformats.org/spreadsheetml/2006/main">
  <externalBook xmlns:r="http://schemas.openxmlformats.org/officeDocument/2006/relationships" r:id="rId1">
    <sheetNames>
      <sheetName val="G2TempSheet"/>
      <sheetName val="Sheet1"/>
      <sheetName val="S-Hotel"/>
      <sheetName val="#REF!"/>
      <sheetName val="内围地梁钢筋说明"/>
      <sheetName val="主材价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65.xml><?xml version="1.0" encoding="utf-8"?>
<externalLink xmlns="http://schemas.openxmlformats.org/spreadsheetml/2006/main">
  <externalBook xmlns:r="http://schemas.openxmlformats.org/officeDocument/2006/relationships" r:id="rId1">
    <sheetNames>
      <sheetName val="装饰汇总"/>
      <sheetName val="1"/>
      <sheetName val="2"/>
      <sheetName val="3"/>
      <sheetName val="4"/>
      <sheetName val="5"/>
      <sheetName val="6"/>
      <sheetName val="7"/>
      <sheetName val="8"/>
      <sheetName val="单价"/>
      <sheetName val="投标材料清单 "/>
      <sheetName val="材料汇总"/>
      <sheetName val="面积合计（藏）"/>
      <sheetName val="用量分摊(藏）"/>
      <sheetName val="改加胶玻璃、室外栏杆"/>
      <sheetName val="Bill-2.1（1）"/>
      <sheetName val="#REF!"/>
      <sheetName val="材料"/>
      <sheetName val="主材价格"/>
      <sheetName val="Sheet1"/>
      <sheetName val="雨棚"/>
      <sheetName val="Sheet1 (2)"/>
      <sheetName val="삼성전기"/>
      <sheetName val="주식"/>
      <sheetName val="内围地梁钢筋说明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66.xml><?xml version="1.0" encoding="utf-8"?>
<externalLink xmlns="http://schemas.openxmlformats.org/spreadsheetml/2006/main">
  <externalBook xmlns:r="http://schemas.openxmlformats.org/officeDocument/2006/relationships" r:id="rId1">
    <sheetNames>
      <sheetName val="改加胶玻璃、室外栏杆"/>
      <sheetName val="7"/>
      <sheetName val="4"/>
      <sheetName val="1"/>
      <sheetName val="3"/>
      <sheetName val="5"/>
      <sheetName val="2"/>
      <sheetName val="8"/>
      <sheetName val="#REF!"/>
      <sheetName val="明細表"/>
      <sheetName val="变量单"/>
      <sheetName val="Sheet1 (2)"/>
      <sheetName val="삼성전기"/>
      <sheetName val="주식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67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报价清单表 "/>
      <sheetName val="报价明细表"/>
      <sheetName val="分项含量  "/>
      <sheetName val="合项含量"/>
      <sheetName val="#REF!"/>
      <sheetName val="改加胶玻璃、室外栏杆"/>
      <sheetName val="3"/>
      <sheetName val="8"/>
      <sheetName val="2"/>
      <sheetName val="6"/>
      <sheetName val="面积合计（藏）"/>
      <sheetName val="7"/>
      <sheetName val="4"/>
      <sheetName val="投标材料清单 "/>
      <sheetName val="5"/>
      <sheetName val="1"/>
      <sheetName val="資料庫"/>
      <sheetName val="단중표"/>
      <sheetName val="变量单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68.xml><?xml version="1.0" encoding="utf-8"?>
<externalLink xmlns="http://schemas.openxmlformats.org/spreadsheetml/2006/main">
  <externalBook xmlns:r="http://schemas.openxmlformats.org/officeDocument/2006/relationships" r:id="rId1">
    <sheetNames>
      <sheetName val="主材价格"/>
      <sheetName val="Sheet1"/>
      <sheetName val="暂列单价"/>
      <sheetName val="S1…S10汇总"/>
      <sheetName val="S135汇总"/>
      <sheetName val="S135地弹门"/>
      <sheetName val="S135石材鉓面门"/>
      <sheetName val="S135百叶地弹门"/>
      <sheetName val="S135铝百叶窗"/>
      <sheetName val="S135A型窗1"/>
      <sheetName val="S135A型窗2"/>
      <sheetName val="S135A型窗3"/>
      <sheetName val="S135B型窗"/>
      <sheetName val="S135C型窗"/>
      <sheetName val="S135天窗"/>
      <sheetName val="S135明框幕墙"/>
      <sheetName val="S135幕墙窗"/>
      <sheetName val="S135明框镜面幕墙"/>
      <sheetName val="S135广告幕墙"/>
      <sheetName val="S135金色不锈钢平面板"/>
      <sheetName val="S135金色不锈钢凹凸板"/>
      <sheetName val="S135铸铁屏风"/>
      <sheetName val="S135组合石材幕墙"/>
      <sheetName val="S135玻璃栏杆"/>
      <sheetName val="S135不锈钢栏板"/>
      <sheetName val="S135铝板吊顶"/>
      <sheetName val="S135层间封修"/>
      <sheetName val="S246汇总"/>
      <sheetName val="S246平开门"/>
      <sheetName val="S246平开消火门"/>
      <sheetName val="S246百叶窗"/>
      <sheetName val="S246明框幕墙"/>
      <sheetName val="S246明框防火幕墙"/>
      <sheetName val="S246不锈钢金属网"/>
      <sheetName val="S246GRC板"/>
      <sheetName val="S246灯箱"/>
      <sheetName val="S246集装箱正左右立面"/>
      <sheetName val="S246集装箱顶棚"/>
      <sheetName val="S246集装地面"/>
      <sheetName val="S246不锈钢棒"/>
      <sheetName val="S246不锈钢棒之龙骨"/>
      <sheetName val="S246上人网架"/>
      <sheetName val="S246玻璃栏板"/>
      <sheetName val="S246不锈钢网栏板"/>
      <sheetName val="S246不锈钢网吊顶"/>
      <sheetName val="S246层间封修"/>
      <sheetName val="S07汇总"/>
      <sheetName val="S7无框地弹门"/>
      <sheetName val="S7铝合金隔热平开门"/>
      <sheetName val="S7橱窗"/>
      <sheetName val="S7钢铝复合明框幕墙"/>
      <sheetName val="S7肋点式幕墙"/>
      <sheetName val="S7铝单板幕墙"/>
      <sheetName val="S7阳光板幕墙"/>
      <sheetName val="S7水泥板幕墙"/>
      <sheetName val="S7玻璃栏杆"/>
      <sheetName val="S7玻璃钢百叶"/>
      <sheetName val="S7玻璃钢楼梯"/>
      <sheetName val="S7玻璃钢屋面"/>
      <sheetName val="S7膜材幕墙"/>
      <sheetName val="S7天沟"/>
      <sheetName val="S7铝板檐口"/>
      <sheetName val="S7层间封修"/>
      <sheetName val="S8910汇总"/>
      <sheetName val="S8910地弹门1"/>
      <sheetName val="S8910地弹门2"/>
      <sheetName val="S8910铝百叶"/>
      <sheetName val="S8910隐幕1"/>
      <sheetName val="S8910隐幕2"/>
      <sheetName val="S8910隐幕3"/>
      <sheetName val="S8910亚克力幕墙"/>
      <sheetName val="S8910铝单板幕墙"/>
      <sheetName val="S8910玻璃栏杆之玻璃"/>
      <sheetName val="S8910玻璃栏杆之铝板"/>
      <sheetName val="S8910玻璃栏板"/>
      <sheetName val="S8910铝单板吊顶"/>
      <sheetName val="S8910层间封修"/>
      <sheetName val="钢结构汇总"/>
      <sheetName val="gjgftpt"/>
      <sheetName val="gjgpt"/>
      <sheetName val="#REF!"/>
      <sheetName val="資料庫"/>
      <sheetName val="단중표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</sheetDataSet>
  </externalBook>
</externalLink>
</file>

<file path=xl/externalLinks/externalLink69.xml><?xml version="1.0" encoding="utf-8"?>
<externalLink xmlns="http://schemas.openxmlformats.org/spreadsheetml/2006/main">
  <externalBook xmlns:r="http://schemas.openxmlformats.org/officeDocument/2006/relationships" r:id="rId1">
    <sheetNames>
      <sheetName val="主材价格"/>
      <sheetName val="计算含量"/>
      <sheetName val="暂列单价"/>
      <sheetName val="总汇总"/>
      <sheetName val="N1汇总"/>
      <sheetName val="N1无框地弹门"/>
      <sheetName val="N1平开门"/>
      <sheetName val="N1自动感应门"/>
      <sheetName val="N1铝百叶窗"/>
      <sheetName val="N1隐框彩釉玻璃幕墙"/>
      <sheetName val="N1隐框白玻玻璃幕墙"/>
      <sheetName val="N1隐框钢铝组合彩釉玻璃幕墙"/>
      <sheetName val="铝包框(钢铝之铝单板)"/>
      <sheetName val="N1隐框彩釉防火幕墙"/>
      <sheetName val="N1隐框防火幕墙"/>
      <sheetName val="N1隐幕"/>
      <sheetName val="N1隐幕钢铝组合"/>
      <sheetName val="N1中空LOWE玻璃采光顶"/>
      <sheetName val="N1点式幕墙"/>
      <sheetName val="N1夹胶防火幕(泳池)"/>
      <sheetName val="N1铝单板幕墙"/>
      <sheetName val="N1铝单板吊顶"/>
      <sheetName val="N1夹胶LOWE防火顶棚"/>
      <sheetName val="N1玻璃栏板"/>
      <sheetName val="N1天沟"/>
      <sheetName val="钢梯"/>
      <sheetName val="N1层间封修(变更)"/>
      <sheetName val="4mm铝单板幕墙"/>
      <sheetName val="铝百叶窗"/>
      <sheetName val="铝板檐口"/>
      <sheetName val="N1雨棚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7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改加胶玻璃、室外栏杆"/>
    </sheetNames>
    <sheetDataSet>
      <sheetData sheetId="0" refreshError="1"/>
      <sheetData sheetId="1" refreshError="1"/>
    </sheetDataSet>
  </externalBook>
</externalLink>
</file>

<file path=xl/externalLinks/externalLink70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报价清单表 "/>
      <sheetName val="报价明细表"/>
      <sheetName val="分项含量  "/>
      <sheetName val="合项含量"/>
      <sheetName val="#REF!"/>
      <sheetName val="改加胶玻璃、室外栏杆"/>
      <sheetName val="材料"/>
      <sheetName val="单价表"/>
      <sheetName val="ANL"/>
      <sheetName val="主材价格"/>
      <sheetName val="資料庫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1.xml><?xml version="1.0" encoding="utf-8"?>
<externalLink xmlns="http://schemas.openxmlformats.org/spreadsheetml/2006/main">
  <externalBook xmlns:r="http://schemas.openxmlformats.org/officeDocument/2006/relationships" r:id="rId1">
    <sheetNames>
      <sheetName val="费用表"/>
      <sheetName val="#REF!"/>
      <sheetName val="材料单价"/>
      <sheetName val="資料庫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72.xml><?xml version="1.0" encoding="utf-8"?>
<externalLink xmlns="http://schemas.openxmlformats.org/spreadsheetml/2006/main">
  <externalBook xmlns:r="http://schemas.openxmlformats.org/officeDocument/2006/relationships" r:id="rId1">
    <sheetNames>
      <sheetName val="표지"/>
      <sheetName val="총괄"/>
      <sheetName val="내역"/>
      <sheetName val="전기"/>
      <sheetName val="선산토공"/>
      <sheetName val="대보토공"/>
      <sheetName val="선산철콘"/>
      <sheetName val="대보철콘"/>
      <sheetName val="강교"/>
      <sheetName val="하도총괄"/>
      <sheetName val="포기원"/>
      <sheetName val="달천교자재"/>
      <sheetName val="전기일위대가"/>
      <sheetName val="대비"/>
      <sheetName val="내역서"/>
      <sheetName val="일위대가"/>
      <sheetName val="summary"/>
      <sheetName val="PUR资料库"/>
    </sheetNames>
    <definedNames>
      <definedName name="CUB.prix_SMC"/>
      <definedName name="分析表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73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经营予、决算封皮"/>
      <sheetName val="目录"/>
      <sheetName val="Toolbox"/>
      <sheetName val="材料单价表"/>
      <sheetName val="Sheet1"/>
      <sheetName val="8"/>
      <sheetName val="改加胶玻璃、室外栏杆"/>
      <sheetName val="3"/>
      <sheetName val="2"/>
      <sheetName val="7"/>
      <sheetName val="6"/>
      <sheetName val="面积合计（藏）"/>
      <sheetName val="投标材料清单 "/>
      <sheetName val="4"/>
      <sheetName val="5"/>
      <sheetName val="1"/>
      <sheetName val="Basis"/>
      <sheetName val="단가"/>
      <sheetName val="PUR资料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74.xml><?xml version="1.0" encoding="utf-8"?>
<externalLink xmlns="http://schemas.openxmlformats.org/spreadsheetml/2006/main">
  <externalBook xmlns:r="http://schemas.openxmlformats.org/officeDocument/2006/relationships" r:id="rId1">
    <sheetNames>
      <sheetName val="裙房"/>
      <sheetName val="明细表"/>
      <sheetName val="主材价格"/>
      <sheetName val="#REF!"/>
      <sheetName val="材料单价表"/>
      <sheetName val="单价表"/>
      <sheetName val="단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75.xml><?xml version="1.0" encoding="utf-8"?>
<externalLink xmlns="http://schemas.openxmlformats.org/spreadsheetml/2006/main">
  <externalBook xmlns:r="http://schemas.openxmlformats.org/officeDocument/2006/relationships" r:id="rId1">
    <sheetNames>
      <sheetName val="工程量"/>
      <sheetName val="成本说明"/>
      <sheetName val="单位"/>
      <sheetName val="措施"/>
      <sheetName val="其他"/>
      <sheetName val="规费"/>
      <sheetName val="工程量清单表"/>
      <sheetName val="主材表"/>
      <sheetName val="1"/>
      <sheetName val="2"/>
      <sheetName val="3"/>
      <sheetName val="1."/>
      <sheetName val="2."/>
      <sheetName val="3."/>
      <sheetName val="4."/>
      <sheetName val="5."/>
      <sheetName val="6."/>
      <sheetName val="7."/>
      <sheetName val="8."/>
      <sheetName val="9."/>
      <sheetName val="10"/>
      <sheetName val="11"/>
      <sheetName val="12"/>
      <sheetName val="13"/>
      <sheetName val="14"/>
      <sheetName val="15"/>
      <sheetName val="16"/>
      <sheetName val="17"/>
      <sheetName val="18"/>
      <sheetName val="19"/>
      <sheetName val="20"/>
      <sheetName val="21"/>
      <sheetName val="1#楼"/>
      <sheetName val="2#楼"/>
      <sheetName val="4#楼"/>
      <sheetName val="裙房"/>
      <sheetName val="明细表"/>
      <sheetName val="#REF!"/>
      <sheetName val="单价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76.xml><?xml version="1.0" encoding="utf-8"?>
<externalLink xmlns="http://schemas.openxmlformats.org/spreadsheetml/2006/main">
  <externalBook xmlns:r="http://schemas.openxmlformats.org/officeDocument/2006/relationships" r:id="rId1">
    <sheetNames>
      <sheetName val="내역서"/>
      <sheetName val="집  계  표  (전 체)"/>
      <sheetName val="집계표"/>
      <sheetName val="전기"/>
      <sheetName val="전기일위대가"/>
      <sheetName val="후다"/>
      <sheetName val="대비"/>
      <sheetName val="S-Hotel"/>
      <sheetName val="21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77.xml><?xml version="1.0" encoding="utf-8"?>
<externalLink xmlns="http://schemas.openxmlformats.org/spreadsheetml/2006/main">
  <externalBook xmlns:r="http://schemas.openxmlformats.org/officeDocument/2006/relationships" r:id="rId1">
    <sheetNames>
      <sheetName val="입찰안"/>
      <sheetName val="부대입찰"/>
      <sheetName val="부대공"/>
      <sheetName val="적격점수"/>
      <sheetName val="자재인력"/>
      <sheetName val="입찰조건"/>
      <sheetName val="조건표"/>
      <sheetName val="차액보증"/>
      <sheetName val="VXXXXX"/>
      <sheetName val="하도급대비"/>
      <sheetName val="하도급기성"/>
      <sheetName val="하도급단가산출"/>
      <sheetName val="토공집계표"/>
      <sheetName val="유토계획및집계"/>
      <sheetName val="유용토모식도"/>
      <sheetName val="토량산출(다짐)"/>
      <sheetName val="토공총괄"/>
      <sheetName val="직영단가"/>
      <sheetName val="하도급기성 (2)"/>
      <sheetName val="하도급단가산출 (2)"/>
      <sheetName val="database"/>
      <sheetName val="一次"/>
      <sheetName val="BID"/>
      <sheetName val="실행철강하도"/>
      <sheetName val="Bldg"/>
      <sheetName val="材料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78.xml><?xml version="1.0" encoding="utf-8"?>
<externalLink xmlns="http://schemas.openxmlformats.org/spreadsheetml/2006/main">
  <externalBook xmlns:r="http://schemas.openxmlformats.org/officeDocument/2006/relationships" r:id="rId1">
    <sheetNames>
      <sheetName val="投标总价"/>
      <sheetName val="计算规则说明"/>
      <sheetName val="编制说明"/>
      <sheetName val="材料单价表"/>
      <sheetName val="Main"/>
      <sheetName val="四合庄工程量清单"/>
      <sheetName val="报价明细表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79.xml><?xml version="1.0" encoding="utf-8"?>
<externalLink xmlns="http://schemas.openxmlformats.org/spreadsheetml/2006/main">
  <externalBook xmlns:r="http://schemas.openxmlformats.org/officeDocument/2006/relationships" r:id="rId1">
    <sheetNames>
      <sheetName val="3"/>
      <sheetName val="装饰汇总"/>
      <sheetName val="1"/>
      <sheetName val="2"/>
      <sheetName val="4"/>
      <sheetName val="5"/>
      <sheetName val="6"/>
      <sheetName val="7"/>
      <sheetName val="8"/>
      <sheetName val="单价"/>
      <sheetName val="投标材料清单 "/>
      <sheetName val="材料汇总"/>
      <sheetName val="面积合计（藏）"/>
      <sheetName val="用量分摊(藏）"/>
      <sheetName val="차액보증"/>
      <sheetName val="#REF!"/>
      <sheetName val="单价报价明细表"/>
      <sheetName val="报价明细表"/>
      <sheetName val="Financ. Overview"/>
      <sheetName val="Toolbo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8.xml><?xml version="1.0" encoding="utf-8"?>
<externalLink xmlns="http://schemas.openxmlformats.org/spreadsheetml/2006/main">
  <externalBook xmlns:r="http://schemas.openxmlformats.org/officeDocument/2006/relationships" r:id="rId1">
    <sheetNames>
      <sheetName val="資料庫"/>
      <sheetName val="地址"/>
      <sheetName val="CS036"/>
      <sheetName val="CS036 (1)"/>
      <sheetName val="迅富"/>
      <sheetName val="迅富 (2)"/>
      <sheetName val="南雄 "/>
      <sheetName val="上海华加日"/>
      <sheetName val="東方"/>
      <sheetName val="固若"/>
      <sheetName val="董生"/>
      <sheetName val="富达"/>
      <sheetName val="天地"/>
      <sheetName val="梁允党"/>
      <sheetName val="张志岭"/>
      <sheetName val="青岛"/>
      <sheetName val="普陀兴发"/>
      <sheetName val="陈会祥"/>
      <sheetName val="兴发"/>
      <sheetName val="番禺兴发"/>
      <sheetName val="陈伟权"/>
      <sheetName val="欧文"/>
      <sheetName val="青联"/>
      <sheetName val="南海二建"/>
      <sheetName val="金圣"/>
      <sheetName val="绿城"/>
      <sheetName val="金圈"/>
      <sheetName val="吉田"/>
      <sheetName val="三元德隆"/>
      <sheetName val="长空"/>
      <sheetName val="王锁生"/>
      <sheetName val="华加日"/>
      <sheetName val="华加日展销部"/>
      <sheetName val="广州装饰"/>
      <sheetName val="懿麟"/>
      <sheetName val="佳明"/>
      <sheetName val="束嘉"/>
      <sheetName val="杨尚威"/>
      <sheetName val="俊强"/>
      <sheetName val="中建三局"/>
      <sheetName val="亚洲"/>
      <sheetName val="顺天通"/>
      <sheetName val="东亚"/>
      <sheetName val="华美"/>
      <sheetName val="刘忠"/>
      <sheetName val="金盛"/>
      <sheetName val="粤骏"/>
      <sheetName val="悦茂"/>
      <sheetName val="威卢克斯"/>
      <sheetName val="力基"/>
      <sheetName val="其昌"/>
      <sheetName val="艺宝"/>
      <sheetName val="凤铝"/>
      <sheetName val="瑞那斯"/>
      <sheetName val="普立"/>
      <sheetName val="广亚"/>
      <sheetName val="烟台"/>
      <sheetName val="中惠"/>
      <sheetName val="哈萨克斯"/>
      <sheetName val="忠旺"/>
      <sheetName val="孙永平"/>
      <sheetName val="恒隆"/>
      <sheetName val="南华"/>
      <sheetName val="南南"/>
      <sheetName val="兴业"/>
      <sheetName val="盛兴"/>
      <sheetName val="德玛"/>
      <sheetName val="雅维斯"/>
      <sheetName val="源泰"/>
      <sheetName val="興發 (2)"/>
      <sheetName val="煙台盟昌"/>
      <sheetName val="廣州鋁質"/>
      <sheetName val="興安"/>
      <sheetName val="潤恆"/>
      <sheetName val="时代 (2)"/>
      <sheetName val="审查表"/>
      <sheetName val="审查表 (2)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</sheetDataSet>
  </externalBook>
</externalLink>
</file>

<file path=xl/externalLinks/externalLink80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1#工程量"/>
      <sheetName val="1#门窗"/>
      <sheetName val="2#工程量"/>
      <sheetName val="2#楼门窗"/>
      <sheetName val="4#工程量"/>
      <sheetName val="4#楼门窗"/>
      <sheetName val="1#楼最终汇总"/>
      <sheetName val="2#楼最终汇总"/>
      <sheetName val="4#楼最终汇总"/>
      <sheetName val="工程量清单（1）"/>
      <sheetName val="单价"/>
      <sheetName val="含量"/>
      <sheetName val="单价报价明细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81.xml><?xml version="1.0" encoding="utf-8"?>
<externalLink xmlns="http://schemas.openxmlformats.org/spreadsheetml/2006/main">
  <externalBook xmlns:r="http://schemas.openxmlformats.org/officeDocument/2006/relationships" r:id="rId1">
    <sheetNames>
      <sheetName val="主材价格"/>
      <sheetName val="措施费"/>
      <sheetName val="北区汇总"/>
      <sheetName val="N1汇总"/>
      <sheetName val="N1fwl"/>
      <sheetName val="N1qb"/>
      <sheetName val="N1cgd"/>
      <sheetName val="N1yp"/>
      <sheetName val="N1bxgm"/>
      <sheetName val="N1lhjm"/>
      <sheetName val="N1lfx"/>
      <sheetName val="N5汇总x1"/>
      <sheetName val="N5bxgm"/>
      <sheetName val="N5bxgmk"/>
      <sheetName val="N5ykmq"/>
      <sheetName val="N5ykfmq"/>
      <sheetName val="N5ykmsmq"/>
      <sheetName val="N5glcgd"/>
      <sheetName val="N5ldbmq8"/>
      <sheetName val="N5ldbmq10"/>
      <sheetName val="N5ldbmq3"/>
      <sheetName val="N5ldbmq4"/>
      <sheetName val="N5wmlb"/>
      <sheetName val="N5wmbxg"/>
      <sheetName val="N5lfx"/>
      <sheetName val="N5by"/>
      <sheetName val="N5wmzsb"/>
      <sheetName val="N5fhbl"/>
      <sheetName val="3"/>
      <sheetName val="改加胶玻璃、室外栏杆"/>
      <sheetName val="含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82.xml><?xml version="1.0" encoding="utf-8"?>
<externalLink xmlns="http://schemas.openxmlformats.org/spreadsheetml/2006/main">
  <externalBook xmlns:r="http://schemas.openxmlformats.org/officeDocument/2006/relationships" r:id="rId1">
    <sheetNames>
      <sheetName val="PUR资料库"/>
      <sheetName val="CDN"/>
      <sheetName val="报价"/>
      <sheetName val="报价 (2)"/>
      <sheetName val="公司名称及地址"/>
      <sheetName val="办事处"/>
      <sheetName val="MSDN"/>
      <sheetName val="MSDN (2)"/>
      <sheetName val="AK"/>
      <sheetName val="#REF"/>
      <sheetName val="#REF!"/>
      <sheetName val="資料庫"/>
      <sheetName val="价格表"/>
      <sheetName val="资料库"/>
      <sheetName val="G2TempSheet"/>
      <sheetName val="改加胶玻璃、室外栏杆"/>
      <sheetName val="报价明细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3.xml><?xml version="1.0" encoding="utf-8"?>
<externalLink xmlns="http://schemas.openxmlformats.org/spreadsheetml/2006/main">
  <externalBook xmlns:r="http://schemas.openxmlformats.org/officeDocument/2006/relationships" r:id="rId1">
    <sheetNames>
      <sheetName val="Maple"/>
      <sheetName val="Beech"/>
      <sheetName val="Oak"/>
      <sheetName val="Walnut"/>
      <sheetName val="Cherry"/>
      <sheetName val="Maka"/>
      <sheetName val="Skrit 1"/>
      <sheetName val="Skrit 2"/>
      <sheetName val="정부노임단가"/>
      <sheetName val="主材价格"/>
      <sheetName val="G2TempSheet"/>
      <sheetName val="改加胶玻璃、室外栏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4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经营予、决算封皮"/>
      <sheetName val="目录"/>
      <sheetName val="Sheet1"/>
      <sheetName val="A"/>
      <sheetName val="单价表"/>
      <sheetName val="1#量统计"/>
      <sheetName val="#REF"/>
      <sheetName val="变量单"/>
      <sheetName val="改加胶玻璃、室外栏杆"/>
      <sheetName val="Basis"/>
      <sheetName val="Cash2"/>
      <sheetName val="裙房"/>
      <sheetName val="明细表"/>
      <sheetName val="核算项目余额表"/>
      <sheetName val="材料"/>
      <sheetName val="G2Temp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5.xml><?xml version="1.0" encoding="utf-8"?>
<externalLink xmlns="http://schemas.openxmlformats.org/spreadsheetml/2006/main">
  <externalBook xmlns:r="http://schemas.openxmlformats.org/officeDocument/2006/relationships" r:id="rId1">
    <sheetNames>
      <sheetName val="A"/>
      <sheetName val="说明"/>
      <sheetName val="汇总表"/>
      <sheetName val="平开窗"/>
      <sheetName val="地弹门"/>
      <sheetName val="隐框"/>
      <sheetName val="石材"/>
      <sheetName val="塑板"/>
      <sheetName val="雨棚"/>
      <sheetName val="清"/>
      <sheetName val="#REF!"/>
      <sheetName val="单价表"/>
      <sheetName val="일위대가"/>
      <sheetName val="G2Temp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86.xml><?xml version="1.0" encoding="utf-8"?>
<externalLink xmlns="http://schemas.openxmlformats.org/spreadsheetml/2006/main">
  <externalBook xmlns:r="http://schemas.openxmlformats.org/officeDocument/2006/relationships" r:id="rId1">
    <sheetNames>
      <sheetName val="改加胶玻璃、室外栏杆"/>
      <sheetName val="A"/>
      <sheetName val="#REF!"/>
      <sheetName val="7"/>
      <sheetName val="4"/>
      <sheetName val="1"/>
      <sheetName val="3"/>
      <sheetName val="5"/>
      <sheetName val="2"/>
      <sheetName val="8"/>
      <sheetName val="일위대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87.xml><?xml version="1.0" encoding="utf-8"?>
<externalLink xmlns="http://schemas.openxmlformats.org/spreadsheetml/2006/main">
  <externalBook xmlns:r="http://schemas.openxmlformats.org/officeDocument/2006/relationships" r:id="rId1">
    <sheetNames>
      <sheetName val="#REF!"/>
      <sheetName val="优化说明"/>
      <sheetName val="单价表"/>
      <sheetName val="材料"/>
      <sheetName val="改加胶玻璃、室外栏杆"/>
      <sheetName val="单位库"/>
      <sheetName val="A"/>
      <sheetName val="3"/>
      <sheetName val="8"/>
      <sheetName val="工程量"/>
      <sheetName val="内围地梁钢筋说明"/>
      <sheetName val="G.1R-Shou COP Gf"/>
      <sheetName val="7"/>
      <sheetName val="4"/>
      <sheetName val="1"/>
      <sheetName val="5"/>
      <sheetName val="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8.xml><?xml version="1.0" encoding="utf-8"?>
<externalLink xmlns="http://schemas.openxmlformats.org/spreadsheetml/2006/main">
  <externalBook xmlns:r="http://schemas.openxmlformats.org/officeDocument/2006/relationships" r:id="rId1">
    <sheetNames>
      <sheetName val="STORAGE"/>
      <sheetName val="Y-WORK"/>
      <sheetName val="토공집계표"/>
      <sheetName val="MOTOR"/>
      <sheetName val="대비"/>
      <sheetName val="일반공사"/>
      <sheetName val="#REF!"/>
      <sheetName val="改加胶玻璃、室外栏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89.xml><?xml version="1.0" encoding="utf-8"?>
<externalLink xmlns="http://schemas.openxmlformats.org/spreadsheetml/2006/main">
  <externalBook xmlns:r="http://schemas.openxmlformats.org/officeDocument/2006/relationships" r:id="rId1">
    <sheetNames>
      <sheetName val="21"/>
      <sheetName val="22"/>
      <sheetName val="23"/>
      <sheetName val="24"/>
      <sheetName val="Module3"/>
      <sheetName val="Module2"/>
      <sheetName val="Module1"/>
      <sheetName val="材料单价表"/>
      <sheetName val="#REF!"/>
      <sheetName val="改加胶玻璃、室外栏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>
  <externalBook xmlns:r="http://schemas.openxmlformats.org/officeDocument/2006/relationships" r:id="rId1">
    <sheetNames>
      <sheetName val="SW-TEO"/>
      <sheetName val="Financ. Overview"/>
      <sheetName val="Toolbox"/>
      <sheetName val="改加胶玻璃、室外栏杆"/>
      <sheetName val="7"/>
      <sheetName val="3"/>
      <sheetName val="#REF!"/>
      <sheetName val="工程量"/>
      <sheetName val="A"/>
      <sheetName val="单价表"/>
      <sheetName val="主材价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90.xml><?xml version="1.0" encoding="utf-8"?>
<externalLink xmlns="http://schemas.openxmlformats.org/spreadsheetml/2006/main">
  <externalBook xmlns:r="http://schemas.openxmlformats.org/officeDocument/2006/relationships" r:id="rId1">
    <sheetNames>
      <sheetName val="XXXXXX"/>
      <sheetName val="Cover"/>
      <sheetName val="Index "/>
      <sheetName val="Tot-sum"/>
      <sheetName val="F-Overhead"/>
      <sheetName val="Tot Direct Sum"/>
      <sheetName val="Direct Sum-R"/>
      <sheetName val="Direct Sum-N"/>
      <sheetName val="Cost bd-&quot;A&quot;"/>
      <sheetName val="Cost bd-&quot;B&quot;"/>
      <sheetName val="Fuel Expense"/>
      <sheetName val="00-R-0038"/>
      <sheetName val="입출재고현황 (2)"/>
      <sheetName val="量"/>
      <sheetName val="General"/>
      <sheetName val="資料庫"/>
      <sheetName val="主材价格"/>
      <sheetName val="#REF!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1.xml><?xml version="1.0" encoding="utf-8"?>
<externalLink xmlns="http://schemas.openxmlformats.org/spreadsheetml/2006/main">
  <externalBook xmlns:r="http://schemas.openxmlformats.org/officeDocument/2006/relationships" r:id="rId1">
    <sheetNames>
      <sheetName val="材料"/>
      <sheetName val="YC"/>
      <sheetName val="说明"/>
      <sheetName val="总量"/>
      <sheetName val="汇总表"/>
      <sheetName val="1"/>
      <sheetName val="2"/>
      <sheetName val="3"/>
      <sheetName val="4"/>
      <sheetName val="5"/>
      <sheetName val="6"/>
      <sheetName val="7"/>
      <sheetName val="8"/>
      <sheetName val="氟中"/>
      <sheetName val="氟L"/>
      <sheetName val="氟窗"/>
      <sheetName val="氟L窗"/>
      <sheetName val="氟L门"/>
      <sheetName val="氟门"/>
      <sheetName val="粉门"/>
      <sheetName val="粉窗"/>
      <sheetName val="钢构"/>
      <sheetName val="单价表"/>
      <sheetName val="21"/>
      <sheetName val="主材价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92.xml><?xml version="1.0" encoding="utf-8"?>
<externalLink xmlns="http://schemas.openxmlformats.org/spreadsheetml/2006/main">
  <externalBook xmlns:r="http://schemas.openxmlformats.org/officeDocument/2006/relationships" r:id="rId1">
    <sheetNames>
      <sheetName val="门窗"/>
      <sheetName val="主材价格"/>
    </sheetNames>
    <sheetDataSet>
      <sheetData sheetId="0" refreshError="1"/>
      <sheetData sheetId="1" refreshError="1"/>
    </sheetDataSet>
  </externalBook>
</externalLink>
</file>

<file path=xl/externalLinks/externalLink93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노임"/>
      <sheetName val="입찰안"/>
      <sheetName val="Cost bd-&quot;A&quot;"/>
      <sheetName val="내역서"/>
      <sheetName val="견적"/>
      <sheetName val="ILWIPOH"/>
      <sheetName val="일반공사"/>
      <sheetName val="ANL"/>
      <sheetName val="主材价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4.xml><?xml version="1.0" encoding="utf-8"?>
<externalLink xmlns="http://schemas.openxmlformats.org/spreadsheetml/2006/main">
  <externalBook xmlns:r="http://schemas.openxmlformats.org/officeDocument/2006/relationships" r:id="rId1">
    <sheetNames>
      <sheetName val="江门潮连桥项目施工总承包及总承包管理配合服务工程量清单（机电部"/>
      <sheetName val="过渡数据表"/>
      <sheetName val="#REF!"/>
      <sheetName val="ANL"/>
      <sheetName val="G2Temp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95.xml><?xml version="1.0" encoding="utf-8"?>
<externalLink xmlns="http://schemas.openxmlformats.org/spreadsheetml/2006/main">
  <externalBook xmlns:r="http://schemas.openxmlformats.org/officeDocument/2006/relationships" r:id="rId1">
    <sheetNames>
      <sheetName val="QF"/>
      <sheetName val="五金配置表"/>
      <sheetName val="型材线重表"/>
      <sheetName val="1#"/>
      <sheetName val="3# "/>
      <sheetName val="5# "/>
      <sheetName val="C0712a"/>
      <sheetName val="TC2119a"/>
      <sheetName val="TC2119b"/>
      <sheetName val="TC1519a"/>
      <sheetName val="TC1519b"/>
      <sheetName val="TC1219"/>
      <sheetName val="TC2319"/>
      <sheetName val="C1214"/>
      <sheetName val="M0821"/>
      <sheetName val="M0824"/>
      <sheetName val="M2624"/>
      <sheetName val="M2824"/>
      <sheetName val="M1624"/>
      <sheetName val="BYC1278"/>
      <sheetName val="BYC1278-1"/>
      <sheetName val="BYC1278-2"/>
      <sheetName val="BYC1278-3"/>
      <sheetName val="BYC1279"/>
      <sheetName val="BYC1178"/>
      <sheetName val="BYC1806"/>
      <sheetName val="BYC1410"/>
      <sheetName val="BYC1411"/>
      <sheetName val="BYC1810"/>
      <sheetName val="BYC1810-1"/>
      <sheetName val="BYC1811"/>
      <sheetName val="BYC1811-1"/>
      <sheetName val="BYC1249"/>
      <sheetName val="BYC1545"/>
      <sheetName val="BYC1924"/>
      <sheetName val="BYC1224"/>
      <sheetName val="BYC0922"/>
      <sheetName val="BYC0917"/>
      <sheetName val="BYC0814"/>
      <sheetName val="BYC1240"/>
      <sheetName val="BYC1309"/>
      <sheetName val="BYC1311"/>
      <sheetName val="BYC1710"/>
      <sheetName val="BYC1711"/>
      <sheetName val="BYC0722"/>
      <sheetName val="BYC0510"/>
      <sheetName val="BYC0510 (2)"/>
      <sheetName val="BYC1310"/>
      <sheetName val="BYC1406"/>
      <sheetName val="BYC2245"/>
      <sheetName val="BYC0716"/>
      <sheetName val="LG-01"/>
      <sheetName val="LG-02"/>
      <sheetName val="LG-03"/>
      <sheetName val="LG-04"/>
      <sheetName val="LG-05"/>
      <sheetName val="LG-06"/>
      <sheetName val="LG-07"/>
      <sheetName val="LG-08"/>
      <sheetName val="LG-09"/>
      <sheetName val="LG-10"/>
      <sheetName val="LG-11"/>
      <sheetName val="LG-12"/>
      <sheetName val="LG-13"/>
      <sheetName val="LG-14"/>
      <sheetName val="LG-15"/>
      <sheetName val="LG-16"/>
      <sheetName val="LG-17"/>
      <sheetName val="LG-18"/>
      <sheetName val="LG-19"/>
      <sheetName val="LG-20"/>
      <sheetName val="LG-21"/>
      <sheetName val="LG-22"/>
      <sheetName val="LG-23"/>
      <sheetName val="LG-24"/>
      <sheetName val="LG-25"/>
      <sheetName val="LG-26"/>
      <sheetName val="LG-27"/>
      <sheetName val="LG-28"/>
      <sheetName val="LG-30"/>
      <sheetName val="LG-31"/>
      <sheetName val="LG-32"/>
      <sheetName val="LG-33"/>
      <sheetName val="LG-34"/>
      <sheetName val="LG-35"/>
      <sheetName val="LG-35-1"/>
      <sheetName val="#REF!"/>
      <sheetName val="資料庫"/>
      <sheetName val="材料单价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</sheetDataSet>
  </externalBook>
</externalLink>
</file>

<file path=xl/externalLinks/externalLink96.xml><?xml version="1.0" encoding="utf-8"?>
<externalLink xmlns="http://schemas.openxmlformats.org/spreadsheetml/2006/main">
  <externalBook xmlns:r="http://schemas.openxmlformats.org/officeDocument/2006/relationships" r:id="rId1">
    <sheetNames>
      <sheetName val="防火涂料工程量计算式 "/>
      <sheetName val="钢结构工程量计算式 "/>
      <sheetName val="防火涂料（修改后）"/>
      <sheetName val="含量"/>
      <sheetName val="Open"/>
      <sheetName val="材料"/>
      <sheetName val="#REF!"/>
      <sheetName val="材料单价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97.xml><?xml version="1.0" encoding="utf-8"?>
<externalLink xmlns="http://schemas.openxmlformats.org/spreadsheetml/2006/main">
  <externalBook xmlns:r="http://schemas.openxmlformats.org/officeDocument/2006/relationships" r:id="rId1">
    <sheetNames>
      <sheetName val="집계표"/>
      <sheetName val="내역"/>
      <sheetName val="토공"/>
      <sheetName val="구조"/>
      <sheetName val="하도급계획서"/>
      <sheetName val="하도급사항"/>
      <sheetName val="내역서별지"/>
      <sheetName val="충주"/>
      <sheetName val="BID"/>
      <sheetName val="Project Brief"/>
      <sheetName val="노임"/>
      <sheetName val="summary"/>
      <sheetName val="#REF!"/>
      <sheetName val="费用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98.xml><?xml version="1.0" encoding="utf-8"?>
<externalLink xmlns="http://schemas.openxmlformats.org/spreadsheetml/2006/main">
  <externalBook xmlns:r="http://schemas.openxmlformats.org/officeDocument/2006/relationships" r:id="rId1">
    <sheetNames>
      <sheetName val="封面 (3)"/>
      <sheetName val="工程量清单编制呈批表"/>
      <sheetName val="封面"/>
      <sheetName val="格式一、报价函"/>
      <sheetName val="格式二、分部分项工程量清单与计价表（园建部分）"/>
      <sheetName val="格式二、分部分项工程量清单与计价表（绿化部分）"/>
      <sheetName val="格式二、分部分项工程量清单与计价表（机电部分）"/>
      <sheetName val="格式三、措施项目清单计价表（园建部分）"/>
      <sheetName val="格式三、措施项目清单计价表（绿化部分）"/>
      <sheetName val="格式三、措施项目清单计价表（机电部分）"/>
      <sheetName val="格式四、其他项目清单报价表（园建部分）"/>
      <sheetName val="格式四、其他项目清单报价表（绿化部分）"/>
      <sheetName val="格式四、其他项目清单报价表（机电部分）"/>
      <sheetName val="格式五、人工、机械、材料汇总表格"/>
      <sheetName val="格式六、综合单价分析"/>
      <sheetName val="格式七、新增或变更工程计价方式"/>
      <sheetName val="#REF!"/>
      <sheetName val="대비"/>
      <sheetName val="费用表"/>
      <sheetName val="AN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99.xml><?xml version="1.0" encoding="utf-8"?>
<externalLink xmlns="http://schemas.openxmlformats.org/spreadsheetml/2006/main">
  <externalBook xmlns:r="http://schemas.openxmlformats.org/officeDocument/2006/relationships" r:id="rId1">
    <sheetNames>
      <sheetName val="산출내역서집계표"/>
      <sheetName val="총괄내역 "/>
      <sheetName val="합산원가계산서 "/>
      <sheetName val="원가계산서(가설)"/>
      <sheetName val="원가계산서(R.A)"/>
      <sheetName val="원가계산서(철골)"/>
      <sheetName val="원가계산서(방수)"/>
      <sheetName val="원가계산서(석)"/>
      <sheetName val="원가계산서(금속-1,2,3)"/>
      <sheetName val="원가계산서(AL,ST'L창호)"/>
      <sheetName val="원가계산서(유리)"/>
      <sheetName val="원가계산서(설비)"/>
      <sheetName val="부대입찰내역"/>
      <sheetName val="지급자재내역"/>
      <sheetName val="EACT10"/>
      <sheetName val="하도급사항"/>
      <sheetName val="산출별지"/>
      <sheetName val="laroux"/>
      <sheetName val="공사비집계 (2)"/>
      <sheetName val="공사비집계"/>
      <sheetName val="공통가설분류"/>
      <sheetName val="2000전체분"/>
      <sheetName val="2000년1차"/>
      <sheetName val="간선계산"/>
      <sheetName val="실행철강하도"/>
      <sheetName val="Project Brief"/>
      <sheetName val="#REF!"/>
      <sheetName val="대비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</a:theme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etc="http://www.wps.cn/officeDocument/2017/etCustomData">
  <sheetPr>
    <tabColor theme="5" tint="0.8"/>
  </sheetPr>
  <dimension ref="A1:D10"/>
  <sheetViews>
    <sheetView view="pageBreakPreview" zoomScaleNormal="100" workbookViewId="0">
      <selection activeCell="C17" sqref="C17"/>
    </sheetView>
  </sheetViews>
  <sheetFormatPr defaultColWidth="9.33333333333333" defaultRowHeight="11.25" outlineLevelCol="3"/>
  <cols>
    <col min="1" max="1" width="9.33333333333333" style="95"/>
    <col min="2" max="2" width="38.5" style="96" customWidth="1"/>
    <col min="3" max="3" width="52" style="97" customWidth="1"/>
    <col min="4" max="4" width="20" style="96" customWidth="1"/>
    <col min="5" max="16384" width="9.33333333333333" style="96"/>
  </cols>
  <sheetData>
    <row r="1" s="90" customFormat="1" ht="50" customHeight="1" spans="1:4">
      <c r="A1" s="98" t="s">
        <v>0</v>
      </c>
      <c r="B1" s="98"/>
      <c r="C1" s="98"/>
      <c r="D1" s="98"/>
    </row>
    <row r="2" s="91" customFormat="1" ht="37" customHeight="1" spans="1:4">
      <c r="A2" s="99" t="s">
        <v>1</v>
      </c>
      <c r="B2" s="99"/>
      <c r="C2" s="99"/>
      <c r="D2" s="100"/>
    </row>
    <row r="3" s="92" customFormat="1" ht="31" customHeight="1" spans="1:4">
      <c r="A3" s="101" t="s">
        <v>2</v>
      </c>
      <c r="B3" s="102" t="s">
        <v>3</v>
      </c>
      <c r="C3" s="103" t="s">
        <v>4</v>
      </c>
      <c r="D3" s="104" t="s">
        <v>5</v>
      </c>
    </row>
    <row r="4" s="93" customFormat="1" ht="51" customHeight="1" spans="1:4">
      <c r="A4" s="105">
        <v>1</v>
      </c>
      <c r="B4" s="106" t="s">
        <v>6</v>
      </c>
      <c r="C4" s="107"/>
      <c r="D4" s="108"/>
    </row>
    <row r="5" s="93" customFormat="1" ht="51" customHeight="1" spans="1:4">
      <c r="A5" s="105">
        <v>2</v>
      </c>
      <c r="B5" s="109" t="s">
        <v>7</v>
      </c>
      <c r="C5" s="107"/>
      <c r="D5" s="108"/>
    </row>
    <row r="6" s="94" customFormat="1" ht="38" customHeight="1" spans="1:4">
      <c r="A6" s="110"/>
      <c r="B6" s="111" t="s">
        <v>8</v>
      </c>
      <c r="C6" s="112">
        <f>SUM(C4:C5)</f>
        <v>0</v>
      </c>
      <c r="D6" s="113"/>
    </row>
    <row r="7" s="94" customFormat="1" ht="38" customHeight="1" spans="1:4">
      <c r="A7" s="114"/>
      <c r="B7" s="115" t="s">
        <v>9</v>
      </c>
      <c r="C7" s="116">
        <f>+C6</f>
        <v>0</v>
      </c>
      <c r="D7" s="117"/>
    </row>
    <row r="9" ht="33" customHeight="1"/>
    <row r="10" ht="20" customHeight="1"/>
  </sheetData>
  <mergeCells count="2">
    <mergeCell ref="A1:D1"/>
    <mergeCell ref="A2:C2"/>
  </mergeCells>
  <pageMargins left="0.314583333333333" right="0.236111111111111" top="0.550694444444444" bottom="0.550694444444444" header="0.314583333333333" footer="0.275"/>
  <pageSetup paperSize="9" orientation="portrait"/>
  <headerFooter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etc="http://www.wps.cn/officeDocument/2017/etCustomData">
  <sheetPr>
    <tabColor rgb="FFFFFF00"/>
    <outlinePr summaryBelow="0" summaryRight="0"/>
    <pageSetUpPr fitToPage="1"/>
  </sheetPr>
  <dimension ref="A1:O32"/>
  <sheetViews>
    <sheetView workbookViewId="0">
      <pane xSplit="2" ySplit="5" topLeftCell="C12" activePane="bottomRight" state="frozen"/>
      <selection/>
      <selection pane="topRight"/>
      <selection pane="bottomLeft"/>
      <selection pane="bottomRight" activeCell="C34" sqref="C34"/>
    </sheetView>
  </sheetViews>
  <sheetFormatPr defaultColWidth="10.5" defaultRowHeight="14.25" customHeight="1"/>
  <cols>
    <col min="1" max="1" width="7.83333333333333" style="8" customWidth="1"/>
    <col min="2" max="2" width="20.8333333333333" style="9" customWidth="1"/>
    <col min="3" max="3" width="57.2444444444444" style="6" customWidth="1"/>
    <col min="4" max="4" width="8.33333333333333" style="10" customWidth="1"/>
    <col min="5" max="5" width="10" style="65" customWidth="1"/>
    <col min="6" max="213" width="10.5" style="6"/>
    <col min="214" max="16384" width="10.5" style="12"/>
  </cols>
  <sheetData>
    <row r="1" ht="45" customHeight="1" spans="1:8">
      <c r="A1" s="13" t="s">
        <v>10</v>
      </c>
      <c r="B1" s="13"/>
      <c r="C1" s="13"/>
      <c r="D1" s="13"/>
      <c r="E1" s="13"/>
      <c r="F1" s="13"/>
      <c r="G1" s="13"/>
      <c r="H1" s="13"/>
    </row>
    <row r="2" s="63" customFormat="1" ht="20" customHeight="1" spans="1:15">
      <c r="A2" s="66" t="s">
        <v>11</v>
      </c>
      <c r="B2" s="66"/>
      <c r="C2" s="66"/>
      <c r="D2" s="67"/>
      <c r="E2" s="68"/>
      <c r="F2" s="69"/>
      <c r="G2" s="70"/>
      <c r="H2" s="71"/>
      <c r="I2" s="71"/>
      <c r="J2" s="88"/>
      <c r="K2" s="71"/>
      <c r="M2" s="89"/>
      <c r="O2" s="89"/>
    </row>
    <row r="3" s="3" customFormat="1" ht="9" customHeight="1" spans="1:8">
      <c r="A3" s="19" t="s">
        <v>12</v>
      </c>
      <c r="B3" s="20" t="s">
        <v>13</v>
      </c>
      <c r="C3" s="20" t="s">
        <v>14</v>
      </c>
      <c r="D3" s="20" t="s">
        <v>15</v>
      </c>
      <c r="E3" s="21" t="s">
        <v>16</v>
      </c>
      <c r="F3" s="72" t="s">
        <v>17</v>
      </c>
      <c r="G3" s="22" t="s">
        <v>18</v>
      </c>
      <c r="H3" s="23" t="s">
        <v>19</v>
      </c>
    </row>
    <row r="4" s="3" customFormat="1" ht="9" customHeight="1" spans="1:8">
      <c r="A4" s="24"/>
      <c r="B4" s="25"/>
      <c r="C4" s="25"/>
      <c r="D4" s="25"/>
      <c r="E4" s="26"/>
      <c r="F4" s="73"/>
      <c r="G4" s="27"/>
      <c r="H4" s="28"/>
    </row>
    <row r="5" s="3" customFormat="1" ht="9" customHeight="1" spans="1:8">
      <c r="A5" s="24"/>
      <c r="B5" s="25"/>
      <c r="C5" s="25"/>
      <c r="D5" s="25"/>
      <c r="E5" s="26"/>
      <c r="F5" s="73"/>
      <c r="G5" s="27"/>
      <c r="H5" s="28"/>
    </row>
    <row r="6" s="5" customFormat="1" ht="30" customHeight="1" spans="1:8">
      <c r="A6" s="33" t="s">
        <v>20</v>
      </c>
      <c r="B6" s="34" t="s">
        <v>21</v>
      </c>
      <c r="C6" s="34"/>
      <c r="D6" s="34"/>
      <c r="E6" s="74"/>
      <c r="F6" s="75"/>
      <c r="G6" s="36"/>
      <c r="H6" s="37"/>
    </row>
    <row r="7" s="6" customFormat="1" ht="30" customHeight="1" outlineLevel="2" spans="1:8">
      <c r="A7" s="38">
        <v>1</v>
      </c>
      <c r="B7" s="39" t="s">
        <v>22</v>
      </c>
      <c r="C7" s="39" t="s">
        <v>23</v>
      </c>
      <c r="D7" s="40" t="s">
        <v>24</v>
      </c>
      <c r="E7" s="76">
        <v>1</v>
      </c>
      <c r="F7" s="77"/>
      <c r="G7" s="42"/>
      <c r="H7" s="43"/>
    </row>
    <row r="8" s="6" customFormat="1" ht="38.25" outlineLevel="2" spans="1:8">
      <c r="A8" s="38">
        <v>2</v>
      </c>
      <c r="B8" s="39" t="s">
        <v>25</v>
      </c>
      <c r="C8" s="39" t="s">
        <v>26</v>
      </c>
      <c r="D8" s="40" t="s">
        <v>24</v>
      </c>
      <c r="E8" s="76">
        <v>1</v>
      </c>
      <c r="F8" s="77"/>
      <c r="G8" s="42"/>
      <c r="H8" s="43"/>
    </row>
    <row r="9" s="5" customFormat="1" ht="30" customHeight="1" spans="1:8">
      <c r="A9" s="33" t="s">
        <v>27</v>
      </c>
      <c r="B9" s="34" t="s">
        <v>28</v>
      </c>
      <c r="C9" s="34"/>
      <c r="D9" s="34"/>
      <c r="E9" s="74"/>
      <c r="F9" s="75"/>
      <c r="G9" s="36"/>
      <c r="H9" s="37"/>
    </row>
    <row r="10" s="6" customFormat="1" ht="51" outlineLevel="2" spans="1:8">
      <c r="A10" s="38">
        <v>1</v>
      </c>
      <c r="B10" s="39" t="s">
        <v>29</v>
      </c>
      <c r="C10" s="39" t="s">
        <v>30</v>
      </c>
      <c r="D10" s="40" t="s">
        <v>24</v>
      </c>
      <c r="E10" s="76">
        <v>1</v>
      </c>
      <c r="F10" s="77"/>
      <c r="G10" s="42"/>
      <c r="H10" s="43"/>
    </row>
    <row r="11" s="5" customFormat="1" ht="30" customHeight="1" spans="1:8">
      <c r="A11" s="33" t="s">
        <v>31</v>
      </c>
      <c r="B11" s="34" t="s">
        <v>32</v>
      </c>
      <c r="C11" s="34"/>
      <c r="D11" s="34"/>
      <c r="E11" s="74"/>
      <c r="F11" s="75"/>
      <c r="G11" s="36"/>
      <c r="H11" s="37"/>
    </row>
    <row r="12" s="6" customFormat="1" ht="51" outlineLevel="2" spans="1:8">
      <c r="A12" s="38">
        <v>1</v>
      </c>
      <c r="B12" s="39" t="s">
        <v>33</v>
      </c>
      <c r="C12" s="39" t="s">
        <v>34</v>
      </c>
      <c r="D12" s="40" t="s">
        <v>24</v>
      </c>
      <c r="E12" s="76">
        <v>1</v>
      </c>
      <c r="F12" s="77"/>
      <c r="G12" s="42"/>
      <c r="H12" s="43"/>
    </row>
    <row r="13" s="5" customFormat="1" ht="30" customHeight="1" spans="1:8">
      <c r="A13" s="33" t="s">
        <v>35</v>
      </c>
      <c r="B13" s="34" t="s">
        <v>36</v>
      </c>
      <c r="C13" s="34"/>
      <c r="D13" s="34"/>
      <c r="E13" s="74"/>
      <c r="F13" s="75"/>
      <c r="G13" s="36"/>
      <c r="H13" s="37"/>
    </row>
    <row r="14" s="6" customFormat="1" ht="38.25" outlineLevel="1" spans="1:8">
      <c r="A14" s="38">
        <v>1</v>
      </c>
      <c r="B14" s="39" t="s">
        <v>37</v>
      </c>
      <c r="C14" s="45" t="s">
        <v>38</v>
      </c>
      <c r="D14" s="40" t="s">
        <v>39</v>
      </c>
      <c r="E14" s="76">
        <v>6</v>
      </c>
      <c r="F14" s="77"/>
      <c r="G14" s="42"/>
      <c r="H14" s="43"/>
    </row>
    <row r="15" s="6" customFormat="1" ht="38.25" outlineLevel="1" spans="1:8">
      <c r="A15" s="38">
        <v>2</v>
      </c>
      <c r="B15" s="39" t="s">
        <v>37</v>
      </c>
      <c r="C15" s="45" t="s">
        <v>40</v>
      </c>
      <c r="D15" s="40" t="s">
        <v>39</v>
      </c>
      <c r="E15" s="76">
        <v>6</v>
      </c>
      <c r="F15" s="77"/>
      <c r="G15" s="42"/>
      <c r="H15" s="43"/>
    </row>
    <row r="16" s="5" customFormat="1" ht="30" customHeight="1" spans="1:8">
      <c r="A16" s="33" t="s">
        <v>41</v>
      </c>
      <c r="B16" s="34" t="s">
        <v>42</v>
      </c>
      <c r="C16" s="34"/>
      <c r="D16" s="34"/>
      <c r="E16" s="74"/>
      <c r="F16" s="75"/>
      <c r="G16" s="36"/>
      <c r="H16" s="37"/>
    </row>
    <row r="17" s="6" customFormat="1" ht="38.25" outlineLevel="1" spans="1:8">
      <c r="A17" s="38">
        <v>1</v>
      </c>
      <c r="B17" s="39" t="s">
        <v>43</v>
      </c>
      <c r="C17" s="45" t="s">
        <v>44</v>
      </c>
      <c r="D17" s="40" t="s">
        <v>45</v>
      </c>
      <c r="E17" s="76">
        <v>2</v>
      </c>
      <c r="F17" s="77"/>
      <c r="G17" s="42"/>
      <c r="H17" s="43"/>
    </row>
    <row r="18" s="5" customFormat="1" ht="30" customHeight="1" spans="1:8">
      <c r="A18" s="33" t="s">
        <v>46</v>
      </c>
      <c r="B18" s="34" t="s">
        <v>47</v>
      </c>
      <c r="C18" s="34"/>
      <c r="D18" s="34"/>
      <c r="E18" s="74"/>
      <c r="F18" s="75"/>
      <c r="G18" s="36"/>
      <c r="H18" s="37"/>
    </row>
    <row r="19" s="6" customFormat="1" ht="38.25" outlineLevel="1" spans="1:8">
      <c r="A19" s="38">
        <v>1</v>
      </c>
      <c r="B19" s="39" t="s">
        <v>48</v>
      </c>
      <c r="C19" s="45" t="s">
        <v>49</v>
      </c>
      <c r="D19" s="40" t="s">
        <v>24</v>
      </c>
      <c r="E19" s="76">
        <v>1</v>
      </c>
      <c r="F19" s="77"/>
      <c r="G19" s="42"/>
      <c r="H19" s="43"/>
    </row>
    <row r="20" s="6" customFormat="1" ht="38.25" outlineLevel="1" spans="1:8">
      <c r="A20" s="38">
        <v>2</v>
      </c>
      <c r="B20" s="39" t="s">
        <v>50</v>
      </c>
      <c r="C20" s="45" t="s">
        <v>51</v>
      </c>
      <c r="D20" s="40" t="s">
        <v>24</v>
      </c>
      <c r="E20" s="76">
        <v>1</v>
      </c>
      <c r="F20" s="77"/>
      <c r="G20" s="42"/>
      <c r="H20" s="43"/>
    </row>
    <row r="21" s="6" customFormat="1" ht="38.25" outlineLevel="1" spans="1:8">
      <c r="A21" s="38">
        <v>3</v>
      </c>
      <c r="B21" s="39" t="s">
        <v>52</v>
      </c>
      <c r="C21" s="45" t="s">
        <v>53</v>
      </c>
      <c r="D21" s="40" t="s">
        <v>24</v>
      </c>
      <c r="E21" s="76">
        <v>1</v>
      </c>
      <c r="F21" s="77"/>
      <c r="G21" s="42"/>
      <c r="H21" s="43"/>
    </row>
    <row r="22" s="6" customFormat="1" ht="38.25" spans="1:8">
      <c r="A22" s="38">
        <v>4</v>
      </c>
      <c r="B22" s="39" t="s">
        <v>54</v>
      </c>
      <c r="C22" s="45" t="s">
        <v>55</v>
      </c>
      <c r="D22" s="40" t="s">
        <v>39</v>
      </c>
      <c r="E22" s="76">
        <v>1</v>
      </c>
      <c r="F22" s="77"/>
      <c r="G22" s="42"/>
      <c r="H22" s="43"/>
    </row>
    <row r="23" s="6" customFormat="1" ht="30" customHeight="1" spans="1:8">
      <c r="A23" s="38">
        <v>5</v>
      </c>
      <c r="B23" s="39" t="s">
        <v>56</v>
      </c>
      <c r="C23" s="45" t="s">
        <v>57</v>
      </c>
      <c r="D23" s="40" t="s">
        <v>24</v>
      </c>
      <c r="E23" s="76">
        <v>1</v>
      </c>
      <c r="F23" s="77"/>
      <c r="G23" s="42"/>
      <c r="H23" s="43"/>
    </row>
    <row r="24" s="5" customFormat="1" ht="30" customHeight="1" spans="1:8">
      <c r="A24" s="33" t="s">
        <v>58</v>
      </c>
      <c r="B24" s="34" t="s">
        <v>59</v>
      </c>
      <c r="C24" s="34"/>
      <c r="D24" s="34"/>
      <c r="E24" s="74"/>
      <c r="F24" s="75"/>
      <c r="G24" s="36"/>
      <c r="H24" s="37"/>
    </row>
    <row r="25" s="6" customFormat="1" ht="38.25" outlineLevel="1" spans="1:8">
      <c r="A25" s="38">
        <v>1</v>
      </c>
      <c r="B25" s="39" t="s">
        <v>54</v>
      </c>
      <c r="C25" s="45" t="s">
        <v>60</v>
      </c>
      <c r="D25" s="40" t="s">
        <v>61</v>
      </c>
      <c r="E25" s="76">
        <v>18.11</v>
      </c>
      <c r="F25" s="77"/>
      <c r="G25" s="42"/>
      <c r="H25" s="43"/>
    </row>
    <row r="26" s="6" customFormat="1" ht="38.25" outlineLevel="1" spans="1:8">
      <c r="A26" s="38">
        <v>2</v>
      </c>
      <c r="B26" s="39" t="s">
        <v>54</v>
      </c>
      <c r="C26" s="45" t="s">
        <v>62</v>
      </c>
      <c r="D26" s="40" t="s">
        <v>61</v>
      </c>
      <c r="E26" s="76">
        <v>4</v>
      </c>
      <c r="F26" s="77"/>
      <c r="G26" s="42"/>
      <c r="H26" s="43"/>
    </row>
    <row r="27" s="6" customFormat="1" ht="30" customHeight="1" outlineLevel="1" spans="1:8">
      <c r="A27" s="38">
        <v>3</v>
      </c>
      <c r="B27" s="39" t="s">
        <v>63</v>
      </c>
      <c r="C27" s="45" t="s">
        <v>64</v>
      </c>
      <c r="D27" s="40" t="s">
        <v>24</v>
      </c>
      <c r="E27" s="76">
        <v>1</v>
      </c>
      <c r="F27" s="77"/>
      <c r="G27" s="42"/>
      <c r="H27" s="43"/>
    </row>
    <row r="28" s="5" customFormat="1" ht="30" customHeight="1" spans="1:8">
      <c r="A28" s="33" t="s">
        <v>65</v>
      </c>
      <c r="B28" s="34" t="s">
        <v>66</v>
      </c>
      <c r="C28" s="34"/>
      <c r="D28" s="34"/>
      <c r="E28" s="74"/>
      <c r="F28" s="75"/>
      <c r="G28" s="36"/>
      <c r="H28" s="37"/>
    </row>
    <row r="29" s="7" customFormat="1" ht="30" customHeight="1" outlineLevel="1" spans="1:8">
      <c r="A29" s="52">
        <v>1</v>
      </c>
      <c r="B29" s="53" t="s">
        <v>67</v>
      </c>
      <c r="C29" s="53"/>
      <c r="D29" s="54" t="s">
        <v>24</v>
      </c>
      <c r="E29" s="76">
        <v>1</v>
      </c>
      <c r="F29" s="78"/>
      <c r="G29" s="55"/>
      <c r="H29" s="56"/>
    </row>
    <row r="30" s="64" customFormat="1" ht="30" customHeight="1" spans="1:8">
      <c r="A30" s="52">
        <v>2</v>
      </c>
      <c r="B30" s="53" t="s">
        <v>68</v>
      </c>
      <c r="C30" s="53"/>
      <c r="D30" s="54" t="s">
        <v>24</v>
      </c>
      <c r="E30" s="76">
        <v>1</v>
      </c>
      <c r="F30" s="79"/>
      <c r="G30" s="80"/>
      <c r="H30" s="81"/>
    </row>
    <row r="31" s="64" customFormat="1" ht="30" customHeight="1" spans="1:8">
      <c r="A31" s="52">
        <v>3</v>
      </c>
      <c r="B31" s="82" t="s">
        <v>69</v>
      </c>
      <c r="C31" s="83"/>
      <c r="D31" s="83" t="s">
        <v>24</v>
      </c>
      <c r="E31" s="84">
        <v>1</v>
      </c>
      <c r="F31" s="85"/>
      <c r="G31" s="86"/>
      <c r="H31" s="87"/>
    </row>
    <row r="32" ht="105" customHeight="1"/>
  </sheetData>
  <mergeCells count="10">
    <mergeCell ref="A1:H1"/>
    <mergeCell ref="A2:C2"/>
    <mergeCell ref="A3:A5"/>
    <mergeCell ref="B3:B5"/>
    <mergeCell ref="C3:C5"/>
    <mergeCell ref="D3:D5"/>
    <mergeCell ref="E3:E5"/>
    <mergeCell ref="F3:F5"/>
    <mergeCell ref="G3:G5"/>
    <mergeCell ref="H3:H5"/>
  </mergeCells>
  <printOptions horizontalCentered="1"/>
  <pageMargins left="0.118055555555556" right="0.196527777777778" top="0.196527777777778" bottom="0.393055555555556" header="0.5" footer="0.196527777777778"/>
  <pageSetup paperSize="9" scale="91" fitToHeight="0" orientation="portrait" horizontalDpi="600"/>
  <headerFooter>
    <oddFooter>&amp;C第 &amp;P 页，共 &amp;N 页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etc="http://www.wps.cn/officeDocument/2017/etCustomData">
  <sheetPr>
    <tabColor rgb="FFFFFF00"/>
    <outlinePr summaryBelow="0" summaryRight="0"/>
    <pageSetUpPr fitToPage="1"/>
  </sheetPr>
  <dimension ref="A1:XED137"/>
  <sheetViews>
    <sheetView tabSelected="1" workbookViewId="0">
      <pane xSplit="2" ySplit="5" topLeftCell="C123" activePane="bottomRight" state="frozen"/>
      <selection/>
      <selection pane="topRight"/>
      <selection pane="bottomLeft"/>
      <selection pane="bottomRight" activeCell="A3" sqref="A3:H136"/>
    </sheetView>
  </sheetViews>
  <sheetFormatPr defaultColWidth="10.5" defaultRowHeight="14.25" customHeight="1"/>
  <cols>
    <col min="1" max="1" width="8.83333333333333" style="8" customWidth="1"/>
    <col min="2" max="2" width="35.8333333333333" style="9" customWidth="1"/>
    <col min="3" max="3" width="55.1666666666667" style="6" customWidth="1"/>
    <col min="4" max="4" width="11.0888888888889" style="10" customWidth="1"/>
    <col min="5" max="5" width="12.7" style="11" customWidth="1"/>
    <col min="6" max="213" width="10.5" style="6"/>
    <col min="214" max="16384" width="10.5" style="12"/>
  </cols>
  <sheetData>
    <row r="1" s="1" customFormat="1" ht="29" customHeight="1" spans="1:8">
      <c r="A1" s="13" t="s">
        <v>10</v>
      </c>
      <c r="B1" s="13"/>
      <c r="C1" s="13"/>
      <c r="D1" s="13"/>
      <c r="E1" s="13"/>
      <c r="F1" s="13"/>
      <c r="G1" s="13"/>
      <c r="H1" s="14"/>
    </row>
    <row r="2" s="2" customFormat="1" ht="20" customHeight="1" spans="1:8">
      <c r="A2" s="15" t="s">
        <v>70</v>
      </c>
      <c r="B2" s="15"/>
      <c r="C2" s="15"/>
      <c r="D2" s="16"/>
      <c r="E2" s="17"/>
      <c r="F2" s="18"/>
      <c r="G2" s="18"/>
      <c r="H2" s="18"/>
    </row>
    <row r="3" s="3" customFormat="1" ht="9" customHeight="1" spans="1:8">
      <c r="A3" s="19" t="s">
        <v>12</v>
      </c>
      <c r="B3" s="20" t="s">
        <v>13</v>
      </c>
      <c r="C3" s="20" t="s">
        <v>14</v>
      </c>
      <c r="D3" s="20" t="s">
        <v>15</v>
      </c>
      <c r="E3" s="21" t="s">
        <v>16</v>
      </c>
      <c r="F3" s="22" t="s">
        <v>17</v>
      </c>
      <c r="G3" s="22" t="s">
        <v>18</v>
      </c>
      <c r="H3" s="23" t="s">
        <v>19</v>
      </c>
    </row>
    <row r="4" s="3" customFormat="1" ht="9" customHeight="1" spans="1:8">
      <c r="A4" s="24"/>
      <c r="B4" s="25"/>
      <c r="C4" s="25"/>
      <c r="D4" s="25"/>
      <c r="E4" s="26"/>
      <c r="F4" s="27"/>
      <c r="G4" s="27"/>
      <c r="H4" s="28"/>
    </row>
    <row r="5" s="3" customFormat="1" ht="9" customHeight="1" spans="1:8">
      <c r="A5" s="24"/>
      <c r="B5" s="25"/>
      <c r="C5" s="25"/>
      <c r="D5" s="25"/>
      <c r="E5" s="26"/>
      <c r="F5" s="27"/>
      <c r="G5" s="27"/>
      <c r="H5" s="28"/>
    </row>
    <row r="6" s="4" customFormat="1" ht="30" customHeight="1" spans="1:8">
      <c r="A6" s="24" t="s">
        <v>71</v>
      </c>
      <c r="B6" s="29" t="s">
        <v>72</v>
      </c>
      <c r="C6" s="29"/>
      <c r="D6" s="29"/>
      <c r="E6" s="30"/>
      <c r="F6" s="31"/>
      <c r="G6" s="31"/>
      <c r="H6" s="32"/>
    </row>
    <row r="7" s="5" customFormat="1" ht="30" customHeight="1" spans="1:8">
      <c r="A7" s="33" t="s">
        <v>20</v>
      </c>
      <c r="B7" s="34" t="s">
        <v>73</v>
      </c>
      <c r="C7" s="34"/>
      <c r="D7" s="34"/>
      <c r="E7" s="35"/>
      <c r="F7" s="36"/>
      <c r="G7" s="36"/>
      <c r="H7" s="37"/>
    </row>
    <row r="8" s="6" customFormat="1" ht="30" customHeight="1" outlineLevel="2" spans="1:8">
      <c r="A8" s="38">
        <v>1</v>
      </c>
      <c r="B8" s="39" t="s">
        <v>74</v>
      </c>
      <c r="C8" s="39" t="s">
        <v>75</v>
      </c>
      <c r="D8" s="40" t="s">
        <v>24</v>
      </c>
      <c r="E8" s="41">
        <v>1</v>
      </c>
      <c r="F8" s="42"/>
      <c r="G8" s="42"/>
      <c r="H8" s="43"/>
    </row>
    <row r="9" s="6" customFormat="1" ht="30" customHeight="1" outlineLevel="2" spans="1:8">
      <c r="A9" s="38">
        <v>2</v>
      </c>
      <c r="B9" s="39" t="s">
        <v>76</v>
      </c>
      <c r="C9" s="39" t="s">
        <v>77</v>
      </c>
      <c r="D9" s="40" t="s">
        <v>24</v>
      </c>
      <c r="E9" s="41">
        <v>1</v>
      </c>
      <c r="F9" s="42"/>
      <c r="G9" s="42"/>
      <c r="H9" s="43"/>
    </row>
    <row r="10" s="6" customFormat="1" ht="30" customHeight="1" outlineLevel="2" spans="1:8">
      <c r="A10" s="38">
        <v>3</v>
      </c>
      <c r="B10" s="39" t="s">
        <v>78</v>
      </c>
      <c r="C10" s="39" t="s">
        <v>79</v>
      </c>
      <c r="D10" s="40" t="s">
        <v>24</v>
      </c>
      <c r="E10" s="41">
        <v>1</v>
      </c>
      <c r="F10" s="42"/>
      <c r="G10" s="42"/>
      <c r="H10" s="43"/>
    </row>
    <row r="11" s="6" customFormat="1" ht="30" customHeight="1" outlineLevel="1" spans="1:8">
      <c r="A11" s="38">
        <v>4</v>
      </c>
      <c r="B11" s="39" t="s">
        <v>80</v>
      </c>
      <c r="C11" s="39" t="s">
        <v>81</v>
      </c>
      <c r="D11" s="40" t="s">
        <v>24</v>
      </c>
      <c r="E11" s="41">
        <v>1</v>
      </c>
      <c r="F11" s="42"/>
      <c r="G11" s="42"/>
      <c r="H11" s="43"/>
    </row>
    <row r="12" s="6" customFormat="1" ht="38.25" outlineLevel="1" spans="1:8">
      <c r="A12" s="38">
        <v>5</v>
      </c>
      <c r="B12" s="39" t="s">
        <v>82</v>
      </c>
      <c r="C12" s="39" t="s">
        <v>83</v>
      </c>
      <c r="D12" s="40" t="s">
        <v>24</v>
      </c>
      <c r="E12" s="41">
        <v>1</v>
      </c>
      <c r="F12" s="42"/>
      <c r="G12" s="42"/>
      <c r="H12" s="43"/>
    </row>
    <row r="13" s="6" customFormat="1" ht="30" customHeight="1" outlineLevel="1" spans="1:8">
      <c r="A13" s="38">
        <v>6</v>
      </c>
      <c r="B13" s="39" t="s">
        <v>84</v>
      </c>
      <c r="C13" s="39" t="s">
        <v>85</v>
      </c>
      <c r="D13" s="40" t="s">
        <v>24</v>
      </c>
      <c r="E13" s="41">
        <v>1</v>
      </c>
      <c r="F13" s="42"/>
      <c r="G13" s="42"/>
      <c r="H13" s="43"/>
    </row>
    <row r="14" s="6" customFormat="1" ht="38.25" outlineLevel="1" spans="1:8">
      <c r="A14" s="38">
        <v>7</v>
      </c>
      <c r="B14" s="39" t="s">
        <v>86</v>
      </c>
      <c r="C14" s="39" t="s">
        <v>87</v>
      </c>
      <c r="D14" s="40" t="s">
        <v>24</v>
      </c>
      <c r="E14" s="41">
        <v>1</v>
      </c>
      <c r="F14" s="42"/>
      <c r="G14" s="42"/>
      <c r="H14" s="43"/>
    </row>
    <row r="15" s="6" customFormat="1" ht="30" customHeight="1" outlineLevel="1" spans="1:8">
      <c r="A15" s="38">
        <v>8</v>
      </c>
      <c r="B15" s="39" t="s">
        <v>88</v>
      </c>
      <c r="C15" s="39" t="s">
        <v>89</v>
      </c>
      <c r="D15" s="40" t="s">
        <v>24</v>
      </c>
      <c r="E15" s="41">
        <v>1</v>
      </c>
      <c r="F15" s="42"/>
      <c r="G15" s="42"/>
      <c r="H15" s="43"/>
    </row>
    <row r="16" s="6" customFormat="1" ht="30" customHeight="1" outlineLevel="1" spans="1:8">
      <c r="A16" s="38">
        <v>9</v>
      </c>
      <c r="B16" s="39" t="s">
        <v>90</v>
      </c>
      <c r="C16" s="39" t="s">
        <v>91</v>
      </c>
      <c r="D16" s="40" t="s">
        <v>24</v>
      </c>
      <c r="E16" s="41">
        <v>1</v>
      </c>
      <c r="F16" s="42"/>
      <c r="G16" s="42"/>
      <c r="H16" s="43"/>
    </row>
    <row r="17" s="5" customFormat="1" ht="30" customHeight="1" spans="1:8">
      <c r="A17" s="33" t="s">
        <v>27</v>
      </c>
      <c r="B17" s="34" t="s">
        <v>21</v>
      </c>
      <c r="C17" s="34"/>
      <c r="D17" s="34"/>
      <c r="E17" s="35"/>
      <c r="F17" s="36"/>
      <c r="G17" s="36"/>
      <c r="H17" s="37"/>
    </row>
    <row r="18" s="6" customFormat="1" ht="38.25" outlineLevel="2" spans="1:8">
      <c r="A18" s="38">
        <v>1</v>
      </c>
      <c r="B18" s="39" t="s">
        <v>92</v>
      </c>
      <c r="C18" s="39" t="s">
        <v>93</v>
      </c>
      <c r="D18" s="40" t="s">
        <v>24</v>
      </c>
      <c r="E18" s="41">
        <v>1</v>
      </c>
      <c r="F18" s="42"/>
      <c r="G18" s="42"/>
      <c r="H18" s="43"/>
    </row>
    <row r="19" s="6" customFormat="1" ht="30" customHeight="1" outlineLevel="2" spans="1:8">
      <c r="A19" s="38">
        <v>2</v>
      </c>
      <c r="B19" s="39" t="s">
        <v>94</v>
      </c>
      <c r="C19" s="39" t="s">
        <v>95</v>
      </c>
      <c r="D19" s="40" t="s">
        <v>24</v>
      </c>
      <c r="E19" s="41">
        <v>1</v>
      </c>
      <c r="F19" s="42"/>
      <c r="G19" s="42"/>
      <c r="H19" s="43"/>
    </row>
    <row r="20" s="6" customFormat="1" ht="30" customHeight="1" outlineLevel="2" spans="1:8">
      <c r="A20" s="38">
        <v>3</v>
      </c>
      <c r="B20" s="39" t="s">
        <v>96</v>
      </c>
      <c r="C20" s="39" t="s">
        <v>97</v>
      </c>
      <c r="D20" s="40" t="s">
        <v>24</v>
      </c>
      <c r="E20" s="41">
        <v>1</v>
      </c>
      <c r="F20" s="42"/>
      <c r="G20" s="42"/>
      <c r="H20" s="43"/>
    </row>
    <row r="21" s="6" customFormat="1" ht="30" customHeight="1" outlineLevel="2" spans="1:8">
      <c r="A21" s="38">
        <v>4</v>
      </c>
      <c r="B21" s="39" t="s">
        <v>98</v>
      </c>
      <c r="C21" s="39" t="s">
        <v>99</v>
      </c>
      <c r="D21" s="40" t="s">
        <v>39</v>
      </c>
      <c r="E21" s="41">
        <v>4</v>
      </c>
      <c r="F21" s="42"/>
      <c r="G21" s="42"/>
      <c r="H21" s="43"/>
    </row>
    <row r="22" s="5" customFormat="1" ht="30" customHeight="1" spans="1:8">
      <c r="A22" s="33" t="s">
        <v>27</v>
      </c>
      <c r="B22" s="34" t="s">
        <v>100</v>
      </c>
      <c r="C22" s="34"/>
      <c r="D22" s="34"/>
      <c r="E22" s="35"/>
      <c r="F22" s="36"/>
      <c r="G22" s="36"/>
      <c r="H22" s="37"/>
    </row>
    <row r="23" s="6" customFormat="1" ht="38.25" outlineLevel="1" spans="1:8">
      <c r="A23" s="38">
        <v>1</v>
      </c>
      <c r="B23" s="39" t="s">
        <v>101</v>
      </c>
      <c r="C23" s="39" t="s">
        <v>102</v>
      </c>
      <c r="D23" s="40" t="s">
        <v>24</v>
      </c>
      <c r="E23" s="41">
        <v>1</v>
      </c>
      <c r="F23" s="44"/>
      <c r="G23" s="42"/>
      <c r="H23" s="43"/>
    </row>
    <row r="24" s="5" customFormat="1" ht="30" customHeight="1" spans="1:8">
      <c r="A24" s="33" t="s">
        <v>31</v>
      </c>
      <c r="B24" s="34" t="s">
        <v>28</v>
      </c>
      <c r="C24" s="34"/>
      <c r="D24" s="34"/>
      <c r="E24" s="35"/>
      <c r="F24" s="36"/>
      <c r="G24" s="36"/>
      <c r="H24" s="37"/>
    </row>
    <row r="25" s="6" customFormat="1" ht="30" customHeight="1" outlineLevel="2" spans="1:8">
      <c r="A25" s="38">
        <v>1</v>
      </c>
      <c r="B25" s="39" t="s">
        <v>94</v>
      </c>
      <c r="C25" s="39" t="s">
        <v>103</v>
      </c>
      <c r="D25" s="40" t="s">
        <v>24</v>
      </c>
      <c r="E25" s="41">
        <v>1</v>
      </c>
      <c r="F25" s="44"/>
      <c r="G25" s="42"/>
      <c r="H25" s="43"/>
    </row>
    <row r="26" s="6" customFormat="1" ht="30" customHeight="1" outlineLevel="2" spans="1:8">
      <c r="A26" s="38">
        <v>2</v>
      </c>
      <c r="B26" s="39" t="s">
        <v>104</v>
      </c>
      <c r="C26" s="39" t="s">
        <v>105</v>
      </c>
      <c r="D26" s="40" t="s">
        <v>24</v>
      </c>
      <c r="E26" s="41">
        <v>1</v>
      </c>
      <c r="F26" s="44"/>
      <c r="G26" s="42"/>
      <c r="H26" s="43"/>
    </row>
    <row r="27" s="6" customFormat="1" ht="30" customHeight="1" outlineLevel="2" spans="1:8">
      <c r="A27" s="38">
        <v>3</v>
      </c>
      <c r="B27" s="39" t="s">
        <v>92</v>
      </c>
      <c r="C27" s="39" t="s">
        <v>106</v>
      </c>
      <c r="D27" s="40" t="s">
        <v>24</v>
      </c>
      <c r="E27" s="41">
        <v>1</v>
      </c>
      <c r="F27" s="44"/>
      <c r="G27" s="42"/>
      <c r="H27" s="43"/>
    </row>
    <row r="28" s="6" customFormat="1" ht="30" customHeight="1" outlineLevel="2" spans="1:8">
      <c r="A28" s="38">
        <v>4</v>
      </c>
      <c r="B28" s="39" t="s">
        <v>96</v>
      </c>
      <c r="C28" s="39" t="s">
        <v>107</v>
      </c>
      <c r="D28" s="40" t="s">
        <v>24</v>
      </c>
      <c r="E28" s="41">
        <v>1</v>
      </c>
      <c r="F28" s="44"/>
      <c r="G28" s="42"/>
      <c r="H28" s="43"/>
    </row>
    <row r="29" s="5" customFormat="1" ht="30" customHeight="1" spans="1:8">
      <c r="A29" s="33" t="s">
        <v>35</v>
      </c>
      <c r="B29" s="34" t="s">
        <v>32</v>
      </c>
      <c r="C29" s="34"/>
      <c r="D29" s="34"/>
      <c r="E29" s="35"/>
      <c r="F29" s="36"/>
      <c r="G29" s="36"/>
      <c r="H29" s="37"/>
    </row>
    <row r="30" s="6" customFormat="1" ht="30" customHeight="1" outlineLevel="2" spans="1:8">
      <c r="A30" s="38">
        <v>1</v>
      </c>
      <c r="B30" s="39" t="s">
        <v>94</v>
      </c>
      <c r="C30" s="39" t="s">
        <v>108</v>
      </c>
      <c r="D30" s="40" t="s">
        <v>24</v>
      </c>
      <c r="E30" s="41">
        <v>1</v>
      </c>
      <c r="F30" s="42"/>
      <c r="G30" s="42"/>
      <c r="H30" s="43"/>
    </row>
    <row r="31" s="6" customFormat="1" ht="30" customHeight="1" outlineLevel="2" spans="1:8">
      <c r="A31" s="38">
        <v>2</v>
      </c>
      <c r="B31" s="39" t="s">
        <v>109</v>
      </c>
      <c r="C31" s="39" t="s">
        <v>110</v>
      </c>
      <c r="D31" s="40" t="s">
        <v>24</v>
      </c>
      <c r="E31" s="41">
        <v>1</v>
      </c>
      <c r="F31" s="42"/>
      <c r="G31" s="42"/>
      <c r="H31" s="43"/>
    </row>
    <row r="32" s="6" customFormat="1" ht="30" customHeight="1" outlineLevel="2" spans="1:8">
      <c r="A32" s="38">
        <v>3</v>
      </c>
      <c r="B32" s="39" t="s">
        <v>111</v>
      </c>
      <c r="C32" s="39" t="s">
        <v>112</v>
      </c>
      <c r="D32" s="40" t="s">
        <v>24</v>
      </c>
      <c r="E32" s="41">
        <v>1</v>
      </c>
      <c r="F32" s="42"/>
      <c r="G32" s="42"/>
      <c r="H32" s="43"/>
    </row>
    <row r="33" s="5" customFormat="1" ht="30" customHeight="1" spans="1:8">
      <c r="A33" s="33" t="s">
        <v>41</v>
      </c>
      <c r="B33" s="34" t="s">
        <v>113</v>
      </c>
      <c r="C33" s="34"/>
      <c r="D33" s="34"/>
      <c r="E33" s="35"/>
      <c r="F33" s="36"/>
      <c r="G33" s="36"/>
      <c r="H33" s="37"/>
    </row>
    <row r="34" s="6" customFormat="1" ht="30" customHeight="1" outlineLevel="1" spans="1:8">
      <c r="A34" s="38">
        <v>1</v>
      </c>
      <c r="B34" s="39" t="s">
        <v>82</v>
      </c>
      <c r="C34" s="39" t="s">
        <v>108</v>
      </c>
      <c r="D34" s="40" t="s">
        <v>24</v>
      </c>
      <c r="E34" s="41">
        <v>1</v>
      </c>
      <c r="F34" s="42"/>
      <c r="G34" s="42"/>
      <c r="H34" s="43"/>
    </row>
    <row r="35" s="6" customFormat="1" ht="38.25" outlineLevel="1" spans="1:8">
      <c r="A35" s="38">
        <v>2</v>
      </c>
      <c r="B35" s="39" t="s">
        <v>114</v>
      </c>
      <c r="C35" s="39" t="s">
        <v>115</v>
      </c>
      <c r="D35" s="40" t="s">
        <v>24</v>
      </c>
      <c r="E35" s="41">
        <v>1</v>
      </c>
      <c r="F35" s="42"/>
      <c r="G35" s="42"/>
      <c r="H35" s="43"/>
    </row>
    <row r="36" s="6" customFormat="1" ht="30" customHeight="1" outlineLevel="1" spans="1:8">
      <c r="A36" s="38">
        <v>3</v>
      </c>
      <c r="B36" s="39" t="s">
        <v>96</v>
      </c>
      <c r="C36" s="39" t="s">
        <v>116</v>
      </c>
      <c r="D36" s="40" t="s">
        <v>24</v>
      </c>
      <c r="E36" s="41">
        <v>1</v>
      </c>
      <c r="F36" s="42"/>
      <c r="G36" s="42"/>
      <c r="H36" s="43"/>
    </row>
    <row r="37" s="6" customFormat="1" ht="30" customHeight="1" outlineLevel="1" spans="1:8">
      <c r="A37" s="38">
        <v>4</v>
      </c>
      <c r="B37" s="39" t="s">
        <v>117</v>
      </c>
      <c r="C37" s="39" t="s">
        <v>118</v>
      </c>
      <c r="D37" s="40" t="s">
        <v>39</v>
      </c>
      <c r="E37" s="41">
        <v>2</v>
      </c>
      <c r="F37" s="42"/>
      <c r="G37" s="42"/>
      <c r="H37" s="43"/>
    </row>
    <row r="38" s="5" customFormat="1" ht="30" customHeight="1" spans="1:8">
      <c r="A38" s="33" t="s">
        <v>46</v>
      </c>
      <c r="B38" s="34" t="s">
        <v>36</v>
      </c>
      <c r="C38" s="34"/>
      <c r="D38" s="34"/>
      <c r="E38" s="35"/>
      <c r="F38" s="36"/>
      <c r="G38" s="36"/>
      <c r="H38" s="37"/>
    </row>
    <row r="39" s="6" customFormat="1" ht="38.25" outlineLevel="1" spans="1:8">
      <c r="A39" s="38">
        <v>1</v>
      </c>
      <c r="B39" s="39" t="s">
        <v>37</v>
      </c>
      <c r="C39" s="45" t="s">
        <v>38</v>
      </c>
      <c r="D39" s="40" t="s">
        <v>39</v>
      </c>
      <c r="E39" s="41">
        <v>6</v>
      </c>
      <c r="F39" s="42"/>
      <c r="G39" s="42"/>
      <c r="H39" s="43"/>
    </row>
    <row r="40" s="6" customFormat="1" ht="38.25" outlineLevel="1" spans="1:8">
      <c r="A40" s="38">
        <v>2</v>
      </c>
      <c r="B40" s="39" t="s">
        <v>37</v>
      </c>
      <c r="C40" s="45" t="s">
        <v>40</v>
      </c>
      <c r="D40" s="40" t="s">
        <v>39</v>
      </c>
      <c r="E40" s="41">
        <v>8</v>
      </c>
      <c r="F40" s="42"/>
      <c r="G40" s="42"/>
      <c r="H40" s="43"/>
    </row>
    <row r="41" s="6" customFormat="1" ht="38.25" outlineLevel="1" spans="1:8">
      <c r="A41" s="38">
        <v>3</v>
      </c>
      <c r="B41" s="39" t="s">
        <v>119</v>
      </c>
      <c r="C41" s="45" t="s">
        <v>120</v>
      </c>
      <c r="D41" s="40" t="s">
        <v>39</v>
      </c>
      <c r="E41" s="41">
        <v>5</v>
      </c>
      <c r="F41" s="42"/>
      <c r="G41" s="42"/>
      <c r="H41" s="43"/>
    </row>
    <row r="42" s="6" customFormat="1" ht="30" customHeight="1" outlineLevel="1" spans="1:8">
      <c r="A42" s="38">
        <v>4</v>
      </c>
      <c r="B42" s="39" t="s">
        <v>121</v>
      </c>
      <c r="C42" s="45" t="s">
        <v>122</v>
      </c>
      <c r="D42" s="40" t="s">
        <v>24</v>
      </c>
      <c r="E42" s="41">
        <v>1</v>
      </c>
      <c r="F42" s="42"/>
      <c r="G42" s="42"/>
      <c r="H42" s="43"/>
    </row>
    <row r="43" s="6" customFormat="1" ht="30" customHeight="1" outlineLevel="1" spans="1:8">
      <c r="A43" s="38">
        <v>5</v>
      </c>
      <c r="B43" s="39" t="s">
        <v>121</v>
      </c>
      <c r="C43" s="45" t="s">
        <v>123</v>
      </c>
      <c r="D43" s="40" t="s">
        <v>24</v>
      </c>
      <c r="E43" s="41">
        <v>1</v>
      </c>
      <c r="F43" s="42"/>
      <c r="G43" s="42"/>
      <c r="H43" s="43"/>
    </row>
    <row r="44" s="5" customFormat="1" ht="30" customHeight="1" spans="1:8">
      <c r="A44" s="33" t="s">
        <v>58</v>
      </c>
      <c r="B44" s="34" t="s">
        <v>42</v>
      </c>
      <c r="C44" s="34"/>
      <c r="D44" s="34"/>
      <c r="E44" s="35"/>
      <c r="F44" s="36"/>
      <c r="G44" s="36"/>
      <c r="H44" s="37"/>
    </row>
    <row r="45" s="6" customFormat="1" ht="38.25" outlineLevel="1" spans="1:8">
      <c r="A45" s="38">
        <v>1</v>
      </c>
      <c r="B45" s="39" t="s">
        <v>43</v>
      </c>
      <c r="C45" s="45" t="s">
        <v>44</v>
      </c>
      <c r="D45" s="40" t="s">
        <v>45</v>
      </c>
      <c r="E45" s="41">
        <v>1</v>
      </c>
      <c r="F45" s="42"/>
      <c r="G45" s="42"/>
      <c r="H45" s="43"/>
    </row>
    <row r="46" s="5" customFormat="1" ht="30" customHeight="1" spans="1:16358">
      <c r="A46" s="33" t="s">
        <v>65</v>
      </c>
      <c r="B46" s="34" t="s">
        <v>124</v>
      </c>
      <c r="C46" s="34"/>
      <c r="D46" s="34"/>
      <c r="E46" s="35"/>
      <c r="F46" s="36"/>
      <c r="G46" s="36"/>
      <c r="H46" s="37"/>
      <c r="XDX46" s="33"/>
      <c r="XDY46" s="34"/>
      <c r="XDZ46" s="34"/>
      <c r="XEA46" s="34"/>
      <c r="XEB46" s="35"/>
      <c r="XEC46" s="46"/>
      <c r="XED46" s="35"/>
    </row>
    <row r="47" s="6" customFormat="1" ht="38.25" outlineLevel="1" spans="1:8">
      <c r="A47" s="38">
        <v>1</v>
      </c>
      <c r="B47" s="39" t="s">
        <v>54</v>
      </c>
      <c r="C47" s="45" t="s">
        <v>60</v>
      </c>
      <c r="D47" s="40" t="s">
        <v>61</v>
      </c>
      <c r="E47" s="41">
        <v>30.58</v>
      </c>
      <c r="F47" s="42"/>
      <c r="G47" s="42"/>
      <c r="H47" s="43"/>
    </row>
    <row r="48" s="6" customFormat="1" ht="38.25" outlineLevel="1" spans="1:8">
      <c r="A48" s="38">
        <v>2</v>
      </c>
      <c r="B48" s="39" t="s">
        <v>125</v>
      </c>
      <c r="C48" s="45" t="s">
        <v>126</v>
      </c>
      <c r="D48" s="40" t="s">
        <v>61</v>
      </c>
      <c r="E48" s="41">
        <v>45.87</v>
      </c>
      <c r="F48" s="42"/>
      <c r="G48" s="42"/>
      <c r="H48" s="43"/>
    </row>
    <row r="49" s="6" customFormat="1" ht="30" customHeight="1" outlineLevel="1" spans="1:8">
      <c r="A49" s="38">
        <v>3</v>
      </c>
      <c r="B49" s="39" t="s">
        <v>127</v>
      </c>
      <c r="C49" s="39" t="s">
        <v>128</v>
      </c>
      <c r="D49" s="40" t="s">
        <v>24</v>
      </c>
      <c r="E49" s="41">
        <v>1</v>
      </c>
      <c r="F49" s="42"/>
      <c r="G49" s="42"/>
      <c r="H49" s="43"/>
    </row>
    <row r="50" s="4" customFormat="1" ht="30" customHeight="1" spans="1:8">
      <c r="A50" s="24" t="s">
        <v>129</v>
      </c>
      <c r="B50" s="29" t="s">
        <v>130</v>
      </c>
      <c r="C50" s="29"/>
      <c r="D50" s="29"/>
      <c r="E50" s="30"/>
      <c r="F50" s="31"/>
      <c r="G50" s="31"/>
      <c r="H50" s="32"/>
    </row>
    <row r="51" s="5" customFormat="1" ht="30" customHeight="1" spans="1:8">
      <c r="A51" s="33" t="s">
        <v>20</v>
      </c>
      <c r="B51" s="34" t="s">
        <v>21</v>
      </c>
      <c r="C51" s="34"/>
      <c r="D51" s="34"/>
      <c r="E51" s="35"/>
      <c r="F51" s="36"/>
      <c r="G51" s="36"/>
      <c r="H51" s="37"/>
    </row>
    <row r="52" s="6" customFormat="1" ht="30" customHeight="1" outlineLevel="1" spans="1:8">
      <c r="A52" s="38">
        <v>1</v>
      </c>
      <c r="B52" s="39" t="s">
        <v>94</v>
      </c>
      <c r="C52" s="39" t="s">
        <v>131</v>
      </c>
      <c r="D52" s="40" t="s">
        <v>24</v>
      </c>
      <c r="E52" s="41">
        <v>1</v>
      </c>
      <c r="F52" s="42"/>
      <c r="G52" s="42"/>
      <c r="H52" s="43"/>
    </row>
    <row r="53" s="6" customFormat="1" ht="37.5" outlineLevel="1" spans="1:8">
      <c r="A53" s="38">
        <v>2</v>
      </c>
      <c r="B53" s="39" t="s">
        <v>111</v>
      </c>
      <c r="C53" s="39" t="s">
        <v>132</v>
      </c>
      <c r="D53" s="40" t="s">
        <v>24</v>
      </c>
      <c r="E53" s="41">
        <v>1</v>
      </c>
      <c r="F53" s="42"/>
      <c r="G53" s="42"/>
      <c r="H53" s="43"/>
    </row>
    <row r="54" s="6" customFormat="1" ht="30" customHeight="1" outlineLevel="1" spans="1:8">
      <c r="A54" s="38">
        <v>3</v>
      </c>
      <c r="B54" s="39" t="s">
        <v>133</v>
      </c>
      <c r="C54" s="39" t="s">
        <v>134</v>
      </c>
      <c r="D54" s="40" t="s">
        <v>24</v>
      </c>
      <c r="E54" s="41">
        <v>1</v>
      </c>
      <c r="F54" s="42"/>
      <c r="G54" s="42"/>
      <c r="H54" s="43"/>
    </row>
    <row r="55" s="5" customFormat="1" ht="30" customHeight="1" spans="1:8">
      <c r="A55" s="33" t="s">
        <v>27</v>
      </c>
      <c r="B55" s="34" t="s">
        <v>100</v>
      </c>
      <c r="C55" s="34"/>
      <c r="D55" s="34"/>
      <c r="E55" s="35"/>
      <c r="F55" s="36"/>
      <c r="G55" s="36"/>
      <c r="H55" s="37"/>
    </row>
    <row r="56" s="6" customFormat="1" ht="38.25" outlineLevel="1" spans="1:8">
      <c r="A56" s="38">
        <v>1</v>
      </c>
      <c r="B56" s="39" t="s">
        <v>135</v>
      </c>
      <c r="C56" s="39" t="s">
        <v>136</v>
      </c>
      <c r="D56" s="40" t="s">
        <v>24</v>
      </c>
      <c r="E56" s="41">
        <v>1</v>
      </c>
      <c r="F56" s="42"/>
      <c r="G56" s="42"/>
      <c r="H56" s="43"/>
    </row>
    <row r="57" s="5" customFormat="1" ht="30" customHeight="1" spans="1:8">
      <c r="A57" s="33" t="s">
        <v>31</v>
      </c>
      <c r="B57" s="34" t="s">
        <v>28</v>
      </c>
      <c r="C57" s="34"/>
      <c r="D57" s="34"/>
      <c r="E57" s="35"/>
      <c r="F57" s="36"/>
      <c r="G57" s="36"/>
      <c r="H57" s="37"/>
    </row>
    <row r="58" s="6" customFormat="1" ht="30" customHeight="1" outlineLevel="1" spans="1:8">
      <c r="A58" s="38">
        <v>1</v>
      </c>
      <c r="B58" s="39" t="s">
        <v>114</v>
      </c>
      <c r="C58" s="39" t="s">
        <v>137</v>
      </c>
      <c r="D58" s="40" t="s">
        <v>24</v>
      </c>
      <c r="E58" s="41">
        <v>1</v>
      </c>
      <c r="F58" s="42"/>
      <c r="G58" s="42"/>
      <c r="H58" s="43"/>
    </row>
    <row r="59" s="6" customFormat="1" ht="30" customHeight="1" outlineLevel="1" spans="1:8">
      <c r="A59" s="38">
        <v>2</v>
      </c>
      <c r="B59" s="39" t="s">
        <v>138</v>
      </c>
      <c r="C59" s="39" t="s">
        <v>139</v>
      </c>
      <c r="D59" s="40" t="s">
        <v>24</v>
      </c>
      <c r="E59" s="41">
        <v>1</v>
      </c>
      <c r="F59" s="42"/>
      <c r="G59" s="42"/>
      <c r="H59" s="43"/>
    </row>
    <row r="60" s="5" customFormat="1" ht="30" customHeight="1" spans="1:8">
      <c r="A60" s="33" t="s">
        <v>35</v>
      </c>
      <c r="B60" s="34" t="s">
        <v>36</v>
      </c>
      <c r="C60" s="34"/>
      <c r="D60" s="34"/>
      <c r="E60" s="35"/>
      <c r="F60" s="36"/>
      <c r="G60" s="36"/>
      <c r="H60" s="37"/>
    </row>
    <row r="61" s="6" customFormat="1" ht="50.25" outlineLevel="1" spans="1:8">
      <c r="A61" s="38">
        <v>1</v>
      </c>
      <c r="B61" s="39" t="s">
        <v>37</v>
      </c>
      <c r="C61" s="45" t="s">
        <v>140</v>
      </c>
      <c r="D61" s="40" t="s">
        <v>141</v>
      </c>
      <c r="E61" s="41">
        <v>10.44</v>
      </c>
      <c r="F61" s="42"/>
      <c r="G61" s="42"/>
      <c r="H61" s="43"/>
    </row>
    <row r="62" s="6" customFormat="1" ht="38.25" outlineLevel="1" spans="1:8">
      <c r="A62" s="38">
        <v>2</v>
      </c>
      <c r="B62" s="39" t="s">
        <v>37</v>
      </c>
      <c r="C62" s="45" t="s">
        <v>142</v>
      </c>
      <c r="D62" s="40" t="s">
        <v>39</v>
      </c>
      <c r="E62" s="41">
        <v>8</v>
      </c>
      <c r="F62" s="42"/>
      <c r="G62" s="42"/>
      <c r="H62" s="43"/>
    </row>
    <row r="63" s="6" customFormat="1" ht="30" customHeight="1" outlineLevel="1" spans="1:8">
      <c r="A63" s="38">
        <v>3</v>
      </c>
      <c r="B63" s="39" t="s">
        <v>121</v>
      </c>
      <c r="C63" s="45" t="s">
        <v>143</v>
      </c>
      <c r="D63" s="40" t="s">
        <v>24</v>
      </c>
      <c r="E63" s="41">
        <v>1</v>
      </c>
      <c r="F63" s="42"/>
      <c r="G63" s="42"/>
      <c r="H63" s="43"/>
    </row>
    <row r="64" s="6" customFormat="1" ht="30" customHeight="1" outlineLevel="1" spans="1:8">
      <c r="A64" s="38">
        <v>4</v>
      </c>
      <c r="B64" s="39" t="s">
        <v>121</v>
      </c>
      <c r="C64" s="45" t="s">
        <v>144</v>
      </c>
      <c r="D64" s="40" t="s">
        <v>24</v>
      </c>
      <c r="E64" s="41">
        <v>1</v>
      </c>
      <c r="F64" s="42"/>
      <c r="G64" s="42"/>
      <c r="H64" s="43"/>
    </row>
    <row r="65" s="5" customFormat="1" ht="30" customHeight="1" spans="1:8">
      <c r="A65" s="33" t="s">
        <v>41</v>
      </c>
      <c r="B65" s="34" t="s">
        <v>42</v>
      </c>
      <c r="C65" s="34"/>
      <c r="D65" s="34"/>
      <c r="E65" s="35"/>
      <c r="F65" s="36"/>
      <c r="G65" s="36"/>
      <c r="H65" s="37"/>
    </row>
    <row r="66" s="6" customFormat="1" ht="38.25" outlineLevel="1" spans="1:8">
      <c r="A66" s="38">
        <v>1</v>
      </c>
      <c r="B66" s="39" t="s">
        <v>54</v>
      </c>
      <c r="C66" s="45" t="s">
        <v>44</v>
      </c>
      <c r="D66" s="40" t="s">
        <v>45</v>
      </c>
      <c r="E66" s="41">
        <v>1</v>
      </c>
      <c r="F66" s="44"/>
      <c r="G66" s="42"/>
      <c r="H66" s="43"/>
    </row>
    <row r="67" s="5" customFormat="1" ht="30" customHeight="1" spans="1:8">
      <c r="A67" s="33" t="s">
        <v>46</v>
      </c>
      <c r="B67" s="34" t="s">
        <v>124</v>
      </c>
      <c r="C67" s="34"/>
      <c r="D67" s="34"/>
      <c r="E67" s="35"/>
      <c r="F67" s="36"/>
      <c r="G67" s="36"/>
      <c r="H67" s="37"/>
    </row>
    <row r="68" s="6" customFormat="1" ht="38.25" outlineLevel="1" spans="1:8">
      <c r="A68" s="38">
        <v>1</v>
      </c>
      <c r="B68" s="39" t="s">
        <v>145</v>
      </c>
      <c r="C68" s="45" t="s">
        <v>146</v>
      </c>
      <c r="D68" s="40" t="s">
        <v>61</v>
      </c>
      <c r="E68" s="41">
        <v>22.575</v>
      </c>
      <c r="F68" s="42"/>
      <c r="G68" s="42"/>
      <c r="H68" s="43"/>
    </row>
    <row r="69" s="4" customFormat="1" ht="30" customHeight="1" spans="1:8">
      <c r="A69" s="24" t="s">
        <v>147</v>
      </c>
      <c r="B69" s="29" t="s">
        <v>148</v>
      </c>
      <c r="C69" s="29"/>
      <c r="D69" s="29"/>
      <c r="E69" s="30"/>
      <c r="F69" s="31"/>
      <c r="G69" s="31"/>
      <c r="H69" s="32"/>
    </row>
    <row r="70" s="5" customFormat="1" ht="30" customHeight="1" spans="1:8">
      <c r="A70" s="33" t="s">
        <v>20</v>
      </c>
      <c r="B70" s="34" t="s">
        <v>149</v>
      </c>
      <c r="C70" s="34"/>
      <c r="D70" s="34"/>
      <c r="E70" s="35"/>
      <c r="F70" s="36"/>
      <c r="G70" s="36"/>
      <c r="H70" s="37"/>
    </row>
    <row r="71" s="6" customFormat="1" ht="30" customHeight="1" outlineLevel="2" spans="1:8">
      <c r="A71" s="38">
        <v>1</v>
      </c>
      <c r="B71" s="39" t="s">
        <v>94</v>
      </c>
      <c r="C71" s="39" t="s">
        <v>150</v>
      </c>
      <c r="D71" s="40" t="s">
        <v>24</v>
      </c>
      <c r="E71" s="41">
        <v>1</v>
      </c>
      <c r="F71" s="42"/>
      <c r="G71" s="42"/>
      <c r="H71" s="43"/>
    </row>
    <row r="72" s="6" customFormat="1" ht="30" customHeight="1" outlineLevel="2" spans="1:8">
      <c r="A72" s="38">
        <v>2</v>
      </c>
      <c r="B72" s="39" t="s">
        <v>151</v>
      </c>
      <c r="C72" s="39" t="s">
        <v>152</v>
      </c>
      <c r="D72" s="40" t="s">
        <v>24</v>
      </c>
      <c r="E72" s="41">
        <v>1</v>
      </c>
      <c r="F72" s="42"/>
      <c r="G72" s="42"/>
      <c r="H72" s="43"/>
    </row>
    <row r="73" s="6" customFormat="1" ht="30" customHeight="1" outlineLevel="2" spans="1:8">
      <c r="A73" s="38">
        <v>3</v>
      </c>
      <c r="B73" s="39" t="s">
        <v>153</v>
      </c>
      <c r="C73" s="39" t="s">
        <v>154</v>
      </c>
      <c r="D73" s="40" t="s">
        <v>24</v>
      </c>
      <c r="E73" s="41">
        <v>1</v>
      </c>
      <c r="F73" s="42"/>
      <c r="G73" s="42"/>
      <c r="H73" s="43"/>
    </row>
    <row r="74" s="6" customFormat="1" ht="30" customHeight="1" outlineLevel="2" spans="1:8">
      <c r="A74" s="38">
        <v>4</v>
      </c>
      <c r="B74" s="39" t="s">
        <v>111</v>
      </c>
      <c r="C74" s="39" t="s">
        <v>155</v>
      </c>
      <c r="D74" s="40" t="s">
        <v>24</v>
      </c>
      <c r="E74" s="41">
        <v>1</v>
      </c>
      <c r="F74" s="42"/>
      <c r="G74" s="42"/>
      <c r="H74" s="43"/>
    </row>
    <row r="75" s="5" customFormat="1" ht="30" customHeight="1" spans="1:8">
      <c r="A75" s="33" t="s">
        <v>27</v>
      </c>
      <c r="B75" s="34" t="s">
        <v>156</v>
      </c>
      <c r="C75" s="34"/>
      <c r="D75" s="34"/>
      <c r="E75" s="35"/>
      <c r="F75" s="36"/>
      <c r="G75" s="36"/>
      <c r="H75" s="37"/>
    </row>
    <row r="76" s="6" customFormat="1" ht="30" customHeight="1" outlineLevel="2" spans="1:8">
      <c r="A76" s="38">
        <v>1</v>
      </c>
      <c r="B76" s="39" t="s">
        <v>157</v>
      </c>
      <c r="C76" s="39" t="s">
        <v>158</v>
      </c>
      <c r="D76" s="40" t="s">
        <v>24</v>
      </c>
      <c r="E76" s="41">
        <v>1</v>
      </c>
      <c r="F76" s="42"/>
      <c r="G76" s="42"/>
      <c r="H76" s="43"/>
    </row>
    <row r="77" s="6" customFormat="1" ht="38.25" outlineLevel="2" spans="1:8">
      <c r="A77" s="38">
        <v>2</v>
      </c>
      <c r="B77" s="39" t="s">
        <v>159</v>
      </c>
      <c r="C77" s="39" t="s">
        <v>160</v>
      </c>
      <c r="D77" s="40" t="s">
        <v>24</v>
      </c>
      <c r="E77" s="41">
        <v>1</v>
      </c>
      <c r="F77" s="42"/>
      <c r="G77" s="42"/>
      <c r="H77" s="43"/>
    </row>
    <row r="78" s="6" customFormat="1" ht="30" customHeight="1" outlineLevel="2" spans="1:8">
      <c r="A78" s="38">
        <v>3</v>
      </c>
      <c r="B78" s="39" t="s">
        <v>161</v>
      </c>
      <c r="C78" s="39" t="s">
        <v>162</v>
      </c>
      <c r="D78" s="40" t="s">
        <v>24</v>
      </c>
      <c r="E78" s="41">
        <v>1</v>
      </c>
      <c r="F78" s="42"/>
      <c r="G78" s="42"/>
      <c r="H78" s="43"/>
    </row>
    <row r="79" s="5" customFormat="1" ht="30" customHeight="1" spans="1:8">
      <c r="A79" s="33" t="s">
        <v>31</v>
      </c>
      <c r="B79" s="34" t="s">
        <v>163</v>
      </c>
      <c r="C79" s="34"/>
      <c r="D79" s="34"/>
      <c r="E79" s="35"/>
      <c r="F79" s="36"/>
      <c r="G79" s="36"/>
      <c r="H79" s="37"/>
    </row>
    <row r="80" s="6" customFormat="1" ht="30" customHeight="1" spans="1:16358">
      <c r="A80" s="38">
        <v>1</v>
      </c>
      <c r="B80" s="39" t="s">
        <v>117</v>
      </c>
      <c r="C80" s="39" t="s">
        <v>164</v>
      </c>
      <c r="D80" s="40" t="s">
        <v>39</v>
      </c>
      <c r="E80" s="41">
        <v>2</v>
      </c>
      <c r="F80" s="42"/>
      <c r="G80" s="42"/>
      <c r="H80" s="43"/>
      <c r="XDX80" s="48"/>
      <c r="XDY80" s="49"/>
      <c r="XDZ80" s="49"/>
      <c r="XEA80" s="49"/>
      <c r="XEB80" s="50"/>
      <c r="XEC80" s="51"/>
      <c r="XED80" s="50"/>
    </row>
    <row r="81" s="6" customFormat="1" ht="38.25" spans="1:16358">
      <c r="A81" s="38">
        <v>2</v>
      </c>
      <c r="B81" s="39" t="s">
        <v>165</v>
      </c>
      <c r="C81" s="39" t="s">
        <v>166</v>
      </c>
      <c r="D81" s="40" t="s">
        <v>24</v>
      </c>
      <c r="E81" s="41">
        <v>1</v>
      </c>
      <c r="F81" s="42"/>
      <c r="G81" s="42"/>
      <c r="H81" s="43"/>
      <c r="XDX81" s="48"/>
      <c r="XDY81" s="49"/>
      <c r="XDZ81" s="49"/>
      <c r="XEA81" s="49"/>
      <c r="XEB81" s="50"/>
      <c r="XEC81" s="51"/>
      <c r="XED81" s="50"/>
    </row>
    <row r="82" s="5" customFormat="1" ht="30" customHeight="1" spans="1:8">
      <c r="A82" s="33" t="s">
        <v>35</v>
      </c>
      <c r="B82" s="34" t="s">
        <v>167</v>
      </c>
      <c r="C82" s="34"/>
      <c r="D82" s="34"/>
      <c r="E82" s="35"/>
      <c r="F82" s="36"/>
      <c r="G82" s="36"/>
      <c r="H82" s="37"/>
    </row>
    <row r="83" s="6" customFormat="1" ht="50.25" outlineLevel="1" spans="1:8">
      <c r="A83" s="38">
        <v>1</v>
      </c>
      <c r="B83" s="39" t="s">
        <v>37</v>
      </c>
      <c r="C83" s="45" t="s">
        <v>168</v>
      </c>
      <c r="D83" s="40" t="s">
        <v>24</v>
      </c>
      <c r="E83" s="41">
        <v>1</v>
      </c>
      <c r="F83" s="42"/>
      <c r="G83" s="42"/>
      <c r="H83" s="43"/>
    </row>
    <row r="84" s="6" customFormat="1" ht="38.25" outlineLevel="1" spans="1:8">
      <c r="A84" s="38">
        <v>2</v>
      </c>
      <c r="B84" s="39" t="s">
        <v>37</v>
      </c>
      <c r="C84" s="45" t="s">
        <v>142</v>
      </c>
      <c r="D84" s="40" t="s">
        <v>39</v>
      </c>
      <c r="E84" s="41">
        <v>8</v>
      </c>
      <c r="F84" s="42"/>
      <c r="G84" s="42"/>
      <c r="H84" s="43"/>
    </row>
    <row r="85" s="6" customFormat="1" ht="30" customHeight="1" outlineLevel="1" spans="1:8">
      <c r="A85" s="38">
        <v>3</v>
      </c>
      <c r="B85" s="39" t="s">
        <v>121</v>
      </c>
      <c r="C85" s="45" t="s">
        <v>169</v>
      </c>
      <c r="D85" s="40" t="s">
        <v>24</v>
      </c>
      <c r="E85" s="41">
        <v>1</v>
      </c>
      <c r="F85" s="42"/>
      <c r="G85" s="42"/>
      <c r="H85" s="43"/>
    </row>
    <row r="86" s="6" customFormat="1" ht="30" customHeight="1" outlineLevel="1" spans="1:8">
      <c r="A86" s="38">
        <v>4</v>
      </c>
      <c r="B86" s="39" t="s">
        <v>121</v>
      </c>
      <c r="C86" s="45" t="s">
        <v>170</v>
      </c>
      <c r="D86" s="40" t="s">
        <v>24</v>
      </c>
      <c r="E86" s="41">
        <v>1</v>
      </c>
      <c r="F86" s="42"/>
      <c r="G86" s="42"/>
      <c r="H86" s="43"/>
    </row>
    <row r="87" s="5" customFormat="1" ht="30" customHeight="1" spans="1:8">
      <c r="A87" s="33" t="s">
        <v>41</v>
      </c>
      <c r="B87" s="34" t="s">
        <v>42</v>
      </c>
      <c r="C87" s="34"/>
      <c r="D87" s="34"/>
      <c r="E87" s="35"/>
      <c r="F87" s="36"/>
      <c r="G87" s="36"/>
      <c r="H87" s="37"/>
    </row>
    <row r="88" s="6" customFormat="1" ht="38.25" outlineLevel="1" spans="1:8">
      <c r="A88" s="38">
        <v>1</v>
      </c>
      <c r="B88" s="39" t="s">
        <v>54</v>
      </c>
      <c r="C88" s="45" t="s">
        <v>171</v>
      </c>
      <c r="D88" s="40" t="s">
        <v>45</v>
      </c>
      <c r="E88" s="41">
        <v>1</v>
      </c>
      <c r="F88" s="42"/>
      <c r="G88" s="42"/>
      <c r="H88" s="43"/>
    </row>
    <row r="89" s="6" customFormat="1" ht="38.25" spans="1:8">
      <c r="A89" s="38">
        <v>2</v>
      </c>
      <c r="B89" s="39" t="s">
        <v>172</v>
      </c>
      <c r="C89" s="45" t="s">
        <v>173</v>
      </c>
      <c r="D89" s="40" t="s">
        <v>24</v>
      </c>
      <c r="E89" s="41">
        <v>1</v>
      </c>
      <c r="F89" s="42"/>
      <c r="G89" s="42"/>
      <c r="H89" s="43"/>
    </row>
    <row r="90" s="4" customFormat="1" ht="30" customHeight="1" spans="1:8">
      <c r="A90" s="24" t="s">
        <v>174</v>
      </c>
      <c r="B90" s="29" t="s">
        <v>175</v>
      </c>
      <c r="C90" s="29"/>
      <c r="D90" s="29"/>
      <c r="E90" s="30"/>
      <c r="F90" s="31"/>
      <c r="G90" s="31"/>
      <c r="H90" s="32"/>
    </row>
    <row r="91" s="5" customFormat="1" ht="30" customHeight="1" spans="1:8">
      <c r="A91" s="33" t="s">
        <v>20</v>
      </c>
      <c r="B91" s="34" t="s">
        <v>176</v>
      </c>
      <c r="C91" s="34"/>
      <c r="D91" s="34"/>
      <c r="E91" s="35"/>
      <c r="F91" s="36"/>
      <c r="G91" s="36"/>
      <c r="H91" s="37"/>
    </row>
    <row r="92" s="6" customFormat="1" ht="30" customHeight="1" outlineLevel="2" spans="1:8">
      <c r="A92" s="38">
        <v>1</v>
      </c>
      <c r="B92" s="39" t="s">
        <v>94</v>
      </c>
      <c r="C92" s="39" t="s">
        <v>177</v>
      </c>
      <c r="D92" s="40" t="s">
        <v>24</v>
      </c>
      <c r="E92" s="41">
        <v>1</v>
      </c>
      <c r="F92" s="42"/>
      <c r="G92" s="42"/>
      <c r="H92" s="43"/>
    </row>
    <row r="93" s="6" customFormat="1" ht="63" outlineLevel="2" spans="1:8">
      <c r="A93" s="38">
        <v>2</v>
      </c>
      <c r="B93" s="39" t="s">
        <v>178</v>
      </c>
      <c r="C93" s="39" t="s">
        <v>179</v>
      </c>
      <c r="D93" s="40" t="s">
        <v>24</v>
      </c>
      <c r="E93" s="41">
        <v>1</v>
      </c>
      <c r="F93" s="42"/>
      <c r="G93" s="42"/>
      <c r="H93" s="43"/>
    </row>
    <row r="94" s="5" customFormat="1" ht="30" customHeight="1" spans="1:8">
      <c r="A94" s="33" t="s">
        <v>27</v>
      </c>
      <c r="B94" s="34" t="s">
        <v>36</v>
      </c>
      <c r="C94" s="34"/>
      <c r="D94" s="34"/>
      <c r="E94" s="35"/>
      <c r="F94" s="36"/>
      <c r="G94" s="36"/>
      <c r="H94" s="37"/>
    </row>
    <row r="95" s="6" customFormat="1" ht="38.25" outlineLevel="1" spans="1:8">
      <c r="A95" s="38">
        <v>1</v>
      </c>
      <c r="B95" s="39" t="s">
        <v>37</v>
      </c>
      <c r="C95" s="45" t="s">
        <v>180</v>
      </c>
      <c r="D95" s="40" t="s">
        <v>39</v>
      </c>
      <c r="E95" s="41">
        <v>8</v>
      </c>
      <c r="F95" s="42"/>
      <c r="G95" s="42"/>
      <c r="H95" s="43"/>
    </row>
    <row r="96" s="6" customFormat="1" ht="38.25" outlineLevel="1" spans="1:8">
      <c r="A96" s="38">
        <v>2</v>
      </c>
      <c r="B96" s="39" t="s">
        <v>37</v>
      </c>
      <c r="C96" s="45" t="s">
        <v>181</v>
      </c>
      <c r="D96" s="40" t="s">
        <v>39</v>
      </c>
      <c r="E96" s="41">
        <v>20</v>
      </c>
      <c r="F96" s="42"/>
      <c r="G96" s="42"/>
      <c r="H96" s="43"/>
    </row>
    <row r="97" s="6" customFormat="1" ht="30" customHeight="1" outlineLevel="1" spans="1:8">
      <c r="A97" s="38">
        <v>3</v>
      </c>
      <c r="B97" s="39" t="s">
        <v>182</v>
      </c>
      <c r="C97" s="45" t="s">
        <v>183</v>
      </c>
      <c r="D97" s="40" t="s">
        <v>24</v>
      </c>
      <c r="E97" s="41">
        <v>1</v>
      </c>
      <c r="F97" s="42"/>
      <c r="G97" s="42"/>
      <c r="H97" s="43"/>
    </row>
    <row r="98" s="5" customFormat="1" ht="30" customHeight="1" spans="1:8">
      <c r="A98" s="33" t="s">
        <v>31</v>
      </c>
      <c r="B98" s="34" t="s">
        <v>42</v>
      </c>
      <c r="C98" s="34"/>
      <c r="D98" s="34"/>
      <c r="E98" s="35"/>
      <c r="F98" s="36"/>
      <c r="G98" s="36"/>
      <c r="H98" s="37"/>
    </row>
    <row r="99" s="6" customFormat="1" ht="38.25" outlineLevel="1" spans="1:8">
      <c r="A99" s="38">
        <v>1</v>
      </c>
      <c r="B99" s="39" t="s">
        <v>54</v>
      </c>
      <c r="C99" s="45" t="s">
        <v>44</v>
      </c>
      <c r="D99" s="40" t="s">
        <v>45</v>
      </c>
      <c r="E99" s="41">
        <v>1</v>
      </c>
      <c r="F99" s="42"/>
      <c r="G99" s="42"/>
      <c r="H99" s="43"/>
    </row>
    <row r="100" s="5" customFormat="1" ht="30" customHeight="1" spans="1:8">
      <c r="A100" s="33" t="s">
        <v>35</v>
      </c>
      <c r="B100" s="34" t="s">
        <v>124</v>
      </c>
      <c r="C100" s="34"/>
      <c r="D100" s="34"/>
      <c r="E100" s="35"/>
      <c r="F100" s="36"/>
      <c r="G100" s="36"/>
      <c r="H100" s="37"/>
    </row>
    <row r="101" s="6" customFormat="1" ht="38.25" outlineLevel="1" spans="1:8">
      <c r="A101" s="38">
        <v>1</v>
      </c>
      <c r="B101" s="39" t="s">
        <v>54</v>
      </c>
      <c r="C101" s="45" t="s">
        <v>60</v>
      </c>
      <c r="D101" s="40" t="s">
        <v>61</v>
      </c>
      <c r="E101" s="41">
        <v>26.85</v>
      </c>
      <c r="F101" s="42"/>
      <c r="G101" s="42"/>
      <c r="H101" s="43"/>
    </row>
    <row r="102" s="6" customFormat="1" ht="38.25" outlineLevel="1" spans="1:8">
      <c r="A102" s="38">
        <v>2</v>
      </c>
      <c r="B102" s="39" t="s">
        <v>125</v>
      </c>
      <c r="C102" s="45" t="s">
        <v>184</v>
      </c>
      <c r="D102" s="40" t="s">
        <v>61</v>
      </c>
      <c r="E102" s="41">
        <v>40.275</v>
      </c>
      <c r="F102" s="42"/>
      <c r="G102" s="42"/>
      <c r="H102" s="43"/>
    </row>
    <row r="103" s="6" customFormat="1" ht="31" customHeight="1" outlineLevel="1" spans="1:8">
      <c r="A103" s="38">
        <v>3</v>
      </c>
      <c r="B103" s="39" t="s">
        <v>63</v>
      </c>
      <c r="C103" s="45" t="s">
        <v>64</v>
      </c>
      <c r="D103" s="40" t="s">
        <v>24</v>
      </c>
      <c r="E103" s="41">
        <v>1</v>
      </c>
      <c r="F103" s="42"/>
      <c r="G103" s="42"/>
      <c r="H103" s="43"/>
    </row>
    <row r="104" s="4" customFormat="1" ht="30" customHeight="1" spans="1:8">
      <c r="A104" s="24" t="s">
        <v>185</v>
      </c>
      <c r="B104" s="29" t="s">
        <v>186</v>
      </c>
      <c r="C104" s="29"/>
      <c r="D104" s="29"/>
      <c r="E104" s="30"/>
      <c r="F104" s="31"/>
      <c r="G104" s="31"/>
      <c r="H104" s="32"/>
    </row>
    <row r="105" s="5" customFormat="1" ht="30" customHeight="1" spans="1:8">
      <c r="A105" s="33" t="s">
        <v>20</v>
      </c>
      <c r="B105" s="34" t="s">
        <v>187</v>
      </c>
      <c r="C105" s="34"/>
      <c r="D105" s="34"/>
      <c r="E105" s="35"/>
      <c r="F105" s="36"/>
      <c r="G105" s="36"/>
      <c r="H105" s="37"/>
    </row>
    <row r="106" s="6" customFormat="1" ht="30" customHeight="1" spans="1:16358">
      <c r="A106" s="38">
        <v>1</v>
      </c>
      <c r="B106" s="39" t="s">
        <v>94</v>
      </c>
      <c r="C106" s="39" t="s">
        <v>188</v>
      </c>
      <c r="D106" s="40" t="s">
        <v>24</v>
      </c>
      <c r="E106" s="41">
        <v>1</v>
      </c>
      <c r="F106" s="42"/>
      <c r="G106" s="42"/>
      <c r="H106" s="43"/>
      <c r="XDX106" s="48"/>
      <c r="XDY106" s="49"/>
      <c r="XDZ106" s="49"/>
      <c r="XEA106" s="49"/>
      <c r="XEB106" s="50"/>
      <c r="XEC106" s="51"/>
      <c r="XED106" s="50"/>
    </row>
    <row r="107" s="6" customFormat="1" ht="38.25" outlineLevel="2" spans="1:8">
      <c r="A107" s="38">
        <v>2</v>
      </c>
      <c r="B107" s="39" t="s">
        <v>189</v>
      </c>
      <c r="C107" s="39" t="s">
        <v>190</v>
      </c>
      <c r="D107" s="40" t="s">
        <v>24</v>
      </c>
      <c r="E107" s="41">
        <v>1</v>
      </c>
      <c r="F107" s="42"/>
      <c r="G107" s="42"/>
      <c r="H107" s="43"/>
    </row>
    <row r="108" s="6" customFormat="1" ht="30" customHeight="1" outlineLevel="2" spans="1:8">
      <c r="A108" s="38">
        <v>3</v>
      </c>
      <c r="B108" s="39" t="s">
        <v>191</v>
      </c>
      <c r="C108" s="39" t="s">
        <v>192</v>
      </c>
      <c r="D108" s="40" t="s">
        <v>24</v>
      </c>
      <c r="E108" s="41">
        <v>1</v>
      </c>
      <c r="F108" s="42"/>
      <c r="G108" s="42"/>
      <c r="H108" s="43"/>
    </row>
    <row r="109" s="6" customFormat="1" ht="30" customHeight="1" outlineLevel="2" spans="1:8">
      <c r="A109" s="38">
        <v>4</v>
      </c>
      <c r="B109" s="39" t="s">
        <v>193</v>
      </c>
      <c r="C109" s="39" t="s">
        <v>194</v>
      </c>
      <c r="D109" s="40" t="s">
        <v>24</v>
      </c>
      <c r="E109" s="41">
        <v>1</v>
      </c>
      <c r="F109" s="42"/>
      <c r="G109" s="42"/>
      <c r="H109" s="43"/>
    </row>
    <row r="110" s="5" customFormat="1" ht="30" customHeight="1" spans="1:8">
      <c r="A110" s="33" t="s">
        <v>27</v>
      </c>
      <c r="B110" s="34" t="s">
        <v>167</v>
      </c>
      <c r="C110" s="34"/>
      <c r="D110" s="34"/>
      <c r="E110" s="35"/>
      <c r="F110" s="36"/>
      <c r="G110" s="36"/>
      <c r="H110" s="37"/>
    </row>
    <row r="111" s="6" customFormat="1" ht="38.25" outlineLevel="1" spans="1:8">
      <c r="A111" s="38">
        <v>1</v>
      </c>
      <c r="B111" s="39" t="s">
        <v>37</v>
      </c>
      <c r="C111" s="45" t="s">
        <v>180</v>
      </c>
      <c r="D111" s="40" t="s">
        <v>39</v>
      </c>
      <c r="E111" s="41">
        <v>4</v>
      </c>
      <c r="F111" s="42"/>
      <c r="G111" s="42"/>
      <c r="H111" s="43"/>
    </row>
    <row r="112" s="6" customFormat="1" ht="38.25" outlineLevel="1" spans="1:8">
      <c r="A112" s="38">
        <v>2</v>
      </c>
      <c r="B112" s="39" t="s">
        <v>195</v>
      </c>
      <c r="C112" s="45" t="s">
        <v>196</v>
      </c>
      <c r="D112" s="40" t="s">
        <v>39</v>
      </c>
      <c r="E112" s="41">
        <v>4</v>
      </c>
      <c r="F112" s="42"/>
      <c r="G112" s="42"/>
      <c r="H112" s="43"/>
    </row>
    <row r="113" s="6" customFormat="1" ht="38.25" outlineLevel="1" spans="1:8">
      <c r="A113" s="38">
        <v>3</v>
      </c>
      <c r="B113" s="39" t="s">
        <v>37</v>
      </c>
      <c r="C113" s="45" t="s">
        <v>181</v>
      </c>
      <c r="D113" s="40" t="s">
        <v>39</v>
      </c>
      <c r="E113" s="41">
        <v>15</v>
      </c>
      <c r="F113" s="42"/>
      <c r="G113" s="42"/>
      <c r="H113" s="43"/>
    </row>
    <row r="114" s="5" customFormat="1" ht="30" customHeight="1" spans="1:8">
      <c r="A114" s="33" t="s">
        <v>31</v>
      </c>
      <c r="B114" s="34" t="s">
        <v>42</v>
      </c>
      <c r="C114" s="34"/>
      <c r="D114" s="34"/>
      <c r="E114" s="35"/>
      <c r="F114" s="36"/>
      <c r="G114" s="36"/>
      <c r="H114" s="37"/>
    </row>
    <row r="115" s="6" customFormat="1" ht="38.25" outlineLevel="1" spans="1:8">
      <c r="A115" s="38">
        <v>1</v>
      </c>
      <c r="B115" s="39" t="s">
        <v>172</v>
      </c>
      <c r="C115" s="45" t="s">
        <v>197</v>
      </c>
      <c r="D115" s="40" t="s">
        <v>24</v>
      </c>
      <c r="E115" s="41">
        <v>1</v>
      </c>
      <c r="F115" s="44"/>
      <c r="G115" s="42"/>
      <c r="H115" s="43"/>
    </row>
    <row r="116" s="5" customFormat="1" ht="30" customHeight="1" spans="1:8">
      <c r="A116" s="33" t="s">
        <v>35</v>
      </c>
      <c r="B116" s="34" t="s">
        <v>124</v>
      </c>
      <c r="C116" s="34"/>
      <c r="D116" s="34"/>
      <c r="E116" s="35"/>
      <c r="F116" s="36"/>
      <c r="G116" s="36"/>
      <c r="H116" s="37"/>
    </row>
    <row r="117" s="6" customFormat="1" ht="38.25" outlineLevel="1" spans="1:8">
      <c r="A117" s="38">
        <v>1</v>
      </c>
      <c r="B117" s="39" t="s">
        <v>54</v>
      </c>
      <c r="C117" s="45" t="s">
        <v>198</v>
      </c>
      <c r="D117" s="40" t="s">
        <v>61</v>
      </c>
      <c r="E117" s="41">
        <v>18.1</v>
      </c>
      <c r="F117" s="42"/>
      <c r="G117" s="42"/>
      <c r="H117" s="43"/>
    </row>
    <row r="118" s="6" customFormat="1" ht="38.25" outlineLevel="1" spans="1:8">
      <c r="A118" s="38">
        <v>2</v>
      </c>
      <c r="B118" s="39" t="s">
        <v>145</v>
      </c>
      <c r="C118" s="45" t="s">
        <v>199</v>
      </c>
      <c r="D118" s="40" t="s">
        <v>61</v>
      </c>
      <c r="E118" s="41">
        <v>27.15</v>
      </c>
      <c r="F118" s="42"/>
      <c r="G118" s="42"/>
      <c r="H118" s="43"/>
    </row>
    <row r="119" s="6" customFormat="1" ht="30" customHeight="1" outlineLevel="1" spans="1:8">
      <c r="A119" s="38">
        <v>3</v>
      </c>
      <c r="B119" s="39" t="s">
        <v>200</v>
      </c>
      <c r="C119" s="45" t="s">
        <v>201</v>
      </c>
      <c r="D119" s="40" t="s">
        <v>61</v>
      </c>
      <c r="E119" s="41">
        <v>30.52</v>
      </c>
      <c r="F119" s="42"/>
      <c r="G119" s="42"/>
      <c r="H119" s="43"/>
    </row>
    <row r="120" s="6" customFormat="1" ht="30" customHeight="1" spans="1:8">
      <c r="A120" s="38">
        <v>4</v>
      </c>
      <c r="B120" s="47" t="s">
        <v>202</v>
      </c>
      <c r="C120" s="39" t="s">
        <v>203</v>
      </c>
      <c r="D120" s="39" t="s">
        <v>24</v>
      </c>
      <c r="E120" s="41">
        <v>1</v>
      </c>
      <c r="F120" s="42"/>
      <c r="G120" s="42"/>
      <c r="H120" s="43"/>
    </row>
    <row r="121" s="4" customFormat="1" ht="30" customHeight="1" spans="1:8">
      <c r="A121" s="24" t="s">
        <v>204</v>
      </c>
      <c r="B121" s="29" t="s">
        <v>47</v>
      </c>
      <c r="C121" s="29"/>
      <c r="D121" s="29"/>
      <c r="E121" s="30"/>
      <c r="F121" s="31"/>
      <c r="G121" s="31"/>
      <c r="H121" s="32"/>
    </row>
    <row r="122" s="6" customFormat="1" ht="50.25" outlineLevel="1" spans="1:8">
      <c r="A122" s="38">
        <v>1</v>
      </c>
      <c r="B122" s="39" t="s">
        <v>50</v>
      </c>
      <c r="C122" s="45" t="s">
        <v>205</v>
      </c>
      <c r="D122" s="40" t="s">
        <v>24</v>
      </c>
      <c r="E122" s="41">
        <v>1</v>
      </c>
      <c r="F122" s="42"/>
      <c r="G122" s="42"/>
      <c r="H122" s="43"/>
    </row>
    <row r="123" s="6" customFormat="1" ht="38.25" outlineLevel="1" spans="1:8">
      <c r="A123" s="38">
        <v>2</v>
      </c>
      <c r="B123" s="39" t="s">
        <v>206</v>
      </c>
      <c r="C123" s="45" t="s">
        <v>207</v>
      </c>
      <c r="D123" s="40" t="s">
        <v>61</v>
      </c>
      <c r="E123" s="41">
        <v>22.512</v>
      </c>
      <c r="F123" s="42"/>
      <c r="G123" s="42"/>
      <c r="H123" s="43"/>
    </row>
    <row r="124" s="6" customFormat="1" ht="38.25" outlineLevel="1" spans="1:8">
      <c r="A124" s="38">
        <v>3</v>
      </c>
      <c r="B124" s="45" t="s">
        <v>208</v>
      </c>
      <c r="C124" s="45" t="s">
        <v>209</v>
      </c>
      <c r="D124" s="40" t="s">
        <v>141</v>
      </c>
      <c r="E124" s="41">
        <v>23.2</v>
      </c>
      <c r="F124" s="42"/>
      <c r="G124" s="42"/>
      <c r="H124" s="43"/>
    </row>
    <row r="125" s="6" customFormat="1" ht="30" customHeight="1" outlineLevel="1" spans="1:8">
      <c r="A125" s="38">
        <v>4</v>
      </c>
      <c r="B125" s="39" t="s">
        <v>210</v>
      </c>
      <c r="C125" s="45" t="s">
        <v>211</v>
      </c>
      <c r="D125" s="40" t="s">
        <v>61</v>
      </c>
      <c r="E125" s="41">
        <v>28.44</v>
      </c>
      <c r="F125" s="42"/>
      <c r="G125" s="42"/>
      <c r="H125" s="43"/>
    </row>
    <row r="126" s="6" customFormat="1" ht="38.25" outlineLevel="1" spans="1:8">
      <c r="A126" s="38">
        <v>5</v>
      </c>
      <c r="B126" s="39" t="s">
        <v>54</v>
      </c>
      <c r="C126" s="45" t="s">
        <v>212</v>
      </c>
      <c r="D126" s="40" t="s">
        <v>24</v>
      </c>
      <c r="E126" s="41">
        <v>1</v>
      </c>
      <c r="F126" s="42"/>
      <c r="G126" s="42"/>
      <c r="H126" s="43"/>
    </row>
    <row r="127" s="6" customFormat="1" ht="38.25" outlineLevel="1" spans="1:8">
      <c r="A127" s="38">
        <v>6</v>
      </c>
      <c r="B127" s="39" t="s">
        <v>54</v>
      </c>
      <c r="C127" s="45" t="s">
        <v>213</v>
      </c>
      <c r="D127" s="40" t="s">
        <v>24</v>
      </c>
      <c r="E127" s="41">
        <v>1</v>
      </c>
      <c r="F127" s="42"/>
      <c r="G127" s="42"/>
      <c r="H127" s="43"/>
    </row>
    <row r="128" s="6" customFormat="1" ht="38.25" outlineLevel="1" spans="1:8">
      <c r="A128" s="38">
        <v>7</v>
      </c>
      <c r="B128" s="39" t="s">
        <v>125</v>
      </c>
      <c r="C128" s="45" t="s">
        <v>214</v>
      </c>
      <c r="D128" s="40" t="s">
        <v>61</v>
      </c>
      <c r="E128" s="41">
        <v>5.67</v>
      </c>
      <c r="F128" s="42"/>
      <c r="G128" s="42"/>
      <c r="H128" s="43"/>
    </row>
    <row r="129" s="6" customFormat="1" ht="38.25" outlineLevel="1" spans="1:8">
      <c r="A129" s="38">
        <v>8</v>
      </c>
      <c r="B129" s="39" t="s">
        <v>125</v>
      </c>
      <c r="C129" s="45" t="s">
        <v>215</v>
      </c>
      <c r="D129" s="40" t="s">
        <v>61</v>
      </c>
      <c r="E129" s="41">
        <v>5.67</v>
      </c>
      <c r="F129" s="42"/>
      <c r="G129" s="42"/>
      <c r="H129" s="43"/>
    </row>
    <row r="130" s="6" customFormat="1" ht="38.25" outlineLevel="1" spans="1:8">
      <c r="A130" s="38">
        <v>9</v>
      </c>
      <c r="B130" s="39" t="s">
        <v>216</v>
      </c>
      <c r="C130" s="39" t="s">
        <v>217</v>
      </c>
      <c r="D130" s="40" t="s">
        <v>24</v>
      </c>
      <c r="E130" s="41">
        <v>1</v>
      </c>
      <c r="F130" s="42"/>
      <c r="G130" s="42"/>
      <c r="H130" s="43"/>
    </row>
    <row r="131" s="6" customFormat="1" ht="38.25" outlineLevel="1" spans="1:8">
      <c r="A131" s="38">
        <v>10</v>
      </c>
      <c r="B131" s="39" t="s">
        <v>218</v>
      </c>
      <c r="C131" s="39" t="s">
        <v>219</v>
      </c>
      <c r="D131" s="40" t="s">
        <v>24</v>
      </c>
      <c r="E131" s="41">
        <v>1</v>
      </c>
      <c r="F131" s="42"/>
      <c r="G131" s="42"/>
      <c r="H131" s="43"/>
    </row>
    <row r="132" s="6" customFormat="1" ht="38.25" outlineLevel="1" spans="1:8">
      <c r="A132" s="38">
        <v>11</v>
      </c>
      <c r="B132" s="39" t="s">
        <v>220</v>
      </c>
      <c r="C132" s="39" t="s">
        <v>221</v>
      </c>
      <c r="D132" s="40" t="s">
        <v>39</v>
      </c>
      <c r="E132" s="41">
        <v>1</v>
      </c>
      <c r="F132" s="42"/>
      <c r="G132" s="42"/>
      <c r="H132" s="43"/>
    </row>
    <row r="133" s="4" customFormat="1" ht="30" customHeight="1" spans="1:8">
      <c r="A133" s="24" t="s">
        <v>204</v>
      </c>
      <c r="B133" s="29" t="s">
        <v>66</v>
      </c>
      <c r="C133" s="29"/>
      <c r="D133" s="29"/>
      <c r="E133" s="30"/>
      <c r="F133" s="31"/>
      <c r="G133" s="31"/>
      <c r="H133" s="32"/>
    </row>
    <row r="134" s="7" customFormat="1" ht="30" customHeight="1" outlineLevel="1" spans="1:8">
      <c r="A134" s="52">
        <v>1</v>
      </c>
      <c r="B134" s="53" t="s">
        <v>67</v>
      </c>
      <c r="C134" s="53"/>
      <c r="D134" s="54" t="s">
        <v>24</v>
      </c>
      <c r="E134" s="41">
        <v>1</v>
      </c>
      <c r="F134" s="55"/>
      <c r="G134" s="55"/>
      <c r="H134" s="56"/>
    </row>
    <row r="135" s="7" customFormat="1" ht="30" customHeight="1" outlineLevel="1" spans="1:8">
      <c r="A135" s="52">
        <v>2</v>
      </c>
      <c r="B135" s="53" t="s">
        <v>68</v>
      </c>
      <c r="C135" s="53"/>
      <c r="D135" s="54" t="s">
        <v>24</v>
      </c>
      <c r="E135" s="41">
        <v>1</v>
      </c>
      <c r="F135" s="55"/>
      <c r="G135" s="55"/>
      <c r="H135" s="56"/>
    </row>
    <row r="136" s="7" customFormat="1" ht="30" customHeight="1" spans="1:8">
      <c r="A136" s="57">
        <v>3</v>
      </c>
      <c r="B136" s="58" t="s">
        <v>69</v>
      </c>
      <c r="C136" s="59"/>
      <c r="D136" s="59" t="s">
        <v>24</v>
      </c>
      <c r="E136" s="60">
        <v>1</v>
      </c>
      <c r="F136" s="61"/>
      <c r="G136" s="61"/>
      <c r="H136" s="62"/>
    </row>
    <row r="137" ht="105" customHeight="1"/>
  </sheetData>
  <mergeCells count="10">
    <mergeCell ref="A1:H1"/>
    <mergeCell ref="A2:C2"/>
    <mergeCell ref="A3:A5"/>
    <mergeCell ref="B3:B5"/>
    <mergeCell ref="C3:C5"/>
    <mergeCell ref="D3:D5"/>
    <mergeCell ref="E3:E5"/>
    <mergeCell ref="F3:F5"/>
    <mergeCell ref="G3:G5"/>
    <mergeCell ref="H3:H5"/>
  </mergeCells>
  <printOptions horizontalCentered="1"/>
  <pageMargins left="0.118055555555556" right="0.196527777777778" top="0.196527777777778" bottom="0.393055555555556" header="0.5" footer="0.196527777777778"/>
  <pageSetup paperSize="9" scale="80" fitToHeight="0" orientation="portrait" horizontalDpi="600"/>
  <headerFooter>
    <oddFooter>&amp;C第 &amp;P 页，共 &amp;N 页</oddFooter>
  </headerFooter>
  <rowBreaks count="2" manualBreakCount="2">
    <brk id="93" max="7" man="1"/>
    <brk id="120" max="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Company>车陂街</Company>
  <Application>WPS 表格</Application>
  <HeadingPairs>
    <vt:vector size="2" baseType="variant">
      <vt:variant>
        <vt:lpstr>工作表</vt:lpstr>
      </vt:variant>
      <vt:variant>
        <vt:i4>3</vt:i4>
      </vt:variant>
    </vt:vector>
  </HeadingPairs>
  <TitlesOfParts>
    <vt:vector size="3" baseType="lpstr">
      <vt:lpstr>汇总表- 旭景党群服务中心党建氛围布展</vt:lpstr>
      <vt:lpstr>党员活动中心氛围</vt:lpstr>
      <vt:lpstr>党群服务中心 （旭景西街194号，271㎡）-氛围</vt:lpstr>
    </vt:vector>
  </TitlesOfParts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</dc:creator>
  <cp:lastModifiedBy>li</cp:lastModifiedBy>
  <dcterms:created xsi:type="dcterms:W3CDTF">2025-06-10T03:35:00Z</dcterms:created>
  <dcterms:modified xsi:type="dcterms:W3CDTF">2025-07-24T07:00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CV">
    <vt:lpwstr>BE4D1882F9A14B33AF6E64AED0B21CC7_13</vt:lpwstr>
  </property>
  <property fmtid="{D5CDD505-2E9C-101B-9397-08002B2CF9AE}" pid="3" name="KSOProductBuildVer">
    <vt:lpwstr>2052-11.8.2.12085</vt:lpwstr>
  </property>
</Properties>
</file>